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保健・医療・衛生" sheetId="1" r:id="rId1"/>
  </sheets>
  <definedNames>
    <definedName name="_xlnm.Print_Area" localSheetId="0">保健・医療・衛生!$A$1:$AG$218</definedName>
    <definedName name="ああ１４５">保健・医療・衛生!$A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71" uniqueCount="219">
  <si>
    <t>資料：府山城北保健所</t>
    <rPh sb="0" eb="2">
      <t>シリョウ</t>
    </rPh>
    <rPh sb="3" eb="4">
      <t>フ</t>
    </rPh>
    <rPh sb="4" eb="6">
      <t>ヤマシロ</t>
    </rPh>
    <rPh sb="6" eb="7">
      <t>キタ</t>
    </rPh>
    <rPh sb="7" eb="10">
      <t>ホケンショ</t>
    </rPh>
    <phoneticPr fontId="2"/>
  </si>
  <si>
    <t>２．休日応急診療所受診状況</t>
    <rPh sb="2" eb="4">
      <t>キュウジツ</t>
    </rPh>
    <rPh sb="4" eb="6">
      <t>オウキュウ</t>
    </rPh>
    <rPh sb="6" eb="9">
      <t>シンリョウショ</t>
    </rPh>
    <rPh sb="9" eb="11">
      <t>ジュシン</t>
    </rPh>
    <rPh sb="11" eb="13">
      <t>ジョウキョウ</t>
    </rPh>
    <phoneticPr fontId="2"/>
  </si>
  <si>
    <t>単位：人</t>
    <rPh sb="0" eb="2">
      <t>タンイ</t>
    </rPh>
    <rPh sb="3" eb="4">
      <t>ヒト</t>
    </rPh>
    <phoneticPr fontId="2"/>
  </si>
  <si>
    <t>単位：人、％</t>
    <rPh sb="0" eb="2">
      <t>タンイ</t>
    </rPh>
    <rPh sb="3" eb="4">
      <t>ニン</t>
    </rPh>
    <phoneticPr fontId="2"/>
  </si>
  <si>
    <t>単位:人</t>
    <rPh sb="0" eb="2">
      <t>タンイ</t>
    </rPh>
    <rPh sb="3" eb="4">
      <t>ニン</t>
    </rPh>
    <phoneticPr fontId="2"/>
  </si>
  <si>
    <t>単位:人、％</t>
    <rPh sb="0" eb="2">
      <t>タンイ</t>
    </rPh>
    <rPh sb="3" eb="4">
      <t>ニン</t>
    </rPh>
    <phoneticPr fontId="2"/>
  </si>
  <si>
    <t>単位:回、人</t>
    <rPh sb="0" eb="2">
      <t>タンイ</t>
    </rPh>
    <rPh sb="3" eb="4">
      <t>カイ</t>
    </rPh>
    <rPh sb="5" eb="6">
      <t>ニン</t>
    </rPh>
    <phoneticPr fontId="2"/>
  </si>
  <si>
    <t>単位:日、人</t>
    <rPh sb="0" eb="2">
      <t>タンイ</t>
    </rPh>
    <rPh sb="3" eb="4">
      <t>ニチ</t>
    </rPh>
    <rPh sb="5" eb="6">
      <t>ニン</t>
    </rPh>
    <phoneticPr fontId="2"/>
  </si>
  <si>
    <t>単位：頭</t>
    <rPh sb="0" eb="2">
      <t>タンイ</t>
    </rPh>
    <rPh sb="3" eb="4">
      <t>トウ</t>
    </rPh>
    <phoneticPr fontId="2"/>
  </si>
  <si>
    <t>資料：環境課</t>
    <rPh sb="0" eb="2">
      <t>シリョウ</t>
    </rPh>
    <rPh sb="3" eb="6">
      <t>カンキョウカ</t>
    </rPh>
    <phoneticPr fontId="2"/>
  </si>
  <si>
    <t>〔　衛　生　〕</t>
    <rPh sb="2" eb="5">
      <t>エイセイ</t>
    </rPh>
    <phoneticPr fontId="2"/>
  </si>
  <si>
    <t>（各年度末現在調）</t>
    <rPh sb="1" eb="2">
      <t>カク</t>
    </rPh>
    <rPh sb="2" eb="5">
      <t>ネンドマツ</t>
    </rPh>
    <rPh sb="5" eb="7">
      <t>ゲンザイ</t>
    </rPh>
    <rPh sb="7" eb="8">
      <t>シラ</t>
    </rPh>
    <phoneticPr fontId="2"/>
  </si>
  <si>
    <t>注１　クリーニング所は取次所を除く。</t>
    <rPh sb="0" eb="1">
      <t>チュウ</t>
    </rPh>
    <rPh sb="9" eb="10">
      <t>ショ</t>
    </rPh>
    <rPh sb="11" eb="14">
      <t>トリツギショ</t>
    </rPh>
    <rPh sb="15" eb="16">
      <t>ノゾ</t>
    </rPh>
    <phoneticPr fontId="2"/>
  </si>
  <si>
    <t>資料：清掃衛生課</t>
    <rPh sb="0" eb="2">
      <t>シリョウ</t>
    </rPh>
    <rPh sb="3" eb="5">
      <t>セイソウ</t>
    </rPh>
    <rPh sb="5" eb="7">
      <t>エイセイ</t>
    </rPh>
    <rPh sb="7" eb="8">
      <t>カ</t>
    </rPh>
    <phoneticPr fontId="2"/>
  </si>
  <si>
    <t>単位：ｋｌ</t>
    <rPh sb="0" eb="2">
      <t>タンイ</t>
    </rPh>
    <phoneticPr fontId="2"/>
  </si>
  <si>
    <t>単位：件</t>
    <rPh sb="0" eb="2">
      <t>タンイ</t>
    </rPh>
    <rPh sb="3" eb="4">
      <t>ケン</t>
    </rPh>
    <phoneticPr fontId="2"/>
  </si>
  <si>
    <t>区分</t>
  </si>
  <si>
    <t>受診者</t>
  </si>
  <si>
    <t>年齢別</t>
  </si>
  <si>
    <t>病類別</t>
  </si>
  <si>
    <t>転送数</t>
  </si>
  <si>
    <t>外科系</t>
  </si>
  <si>
    <t>その他</t>
  </si>
  <si>
    <t>年度</t>
  </si>
  <si>
    <t xml:space="preserve">区分 </t>
  </si>
  <si>
    <t>対象者</t>
  </si>
  <si>
    <t>受診率</t>
  </si>
  <si>
    <t>精密検査数</t>
  </si>
  <si>
    <t xml:space="preserve"> 年度</t>
  </si>
  <si>
    <t>ジフテリア・破傷風</t>
  </si>
  <si>
    <t>日本脳炎</t>
  </si>
  <si>
    <t>受講者</t>
  </si>
  <si>
    <t>受講率</t>
  </si>
  <si>
    <t>乳幼児相談</t>
  </si>
  <si>
    <t>被訪問者実人数</t>
  </si>
  <si>
    <t>訪問延べ回数（回）</t>
  </si>
  <si>
    <t>在宅</t>
  </si>
  <si>
    <t>入院</t>
  </si>
  <si>
    <t>施設入所</t>
  </si>
  <si>
    <t>転出</t>
  </si>
  <si>
    <t>死亡</t>
  </si>
  <si>
    <t>４０～６４歳</t>
  </si>
  <si>
    <t>６５～６９歳</t>
  </si>
  <si>
    <t>７０歳以上</t>
  </si>
  <si>
    <t>要指導者等</t>
  </si>
  <si>
    <t>閉じこもり予防</t>
  </si>
  <si>
    <t>介護家族者</t>
  </si>
  <si>
    <t>寝たきり者</t>
  </si>
  <si>
    <t>健康教室</t>
  </si>
  <si>
    <t>健康相談</t>
  </si>
  <si>
    <t>開催回数</t>
  </si>
  <si>
    <t>実施日数</t>
  </si>
  <si>
    <t>受付者数</t>
  </si>
  <si>
    <t>採血者数</t>
  </si>
  <si>
    <t>不適格者数</t>
  </si>
  <si>
    <t>登録申請頭数（登録頭数）</t>
  </si>
  <si>
    <t>予防注射頭数</t>
  </si>
  <si>
    <t>総排出量　　　　　　（ｔ）</t>
  </si>
  <si>
    <t>年間収集量　　　　　　（ｔ）</t>
  </si>
  <si>
    <t>１日平均収集量 （ｔ）</t>
  </si>
  <si>
    <t>可燃物</t>
  </si>
  <si>
    <t>不燃物</t>
  </si>
  <si>
    <t>再生資源集団回収実施団体補助</t>
  </si>
  <si>
    <t>回収量（ｔ）</t>
  </si>
  <si>
    <t>コンポスト</t>
  </si>
  <si>
    <t>ＥＭボカシ</t>
  </si>
  <si>
    <t>電気式ごみ処理機</t>
  </si>
  <si>
    <t>金属類</t>
  </si>
  <si>
    <t>浄化槽</t>
  </si>
  <si>
    <t>コミプラ</t>
  </si>
  <si>
    <r>
      <t>〔　保健</t>
    </r>
    <r>
      <rPr>
        <b/>
        <sz val="14"/>
        <rFont val="ＭＳ Ｐ明朝"/>
        <family val="1"/>
        <charset val="128"/>
      </rPr>
      <t>・</t>
    </r>
    <r>
      <rPr>
        <b/>
        <sz val="14"/>
        <rFont val="ＭＳ Ｐゴシック"/>
        <family val="3"/>
        <charset val="128"/>
      </rPr>
      <t>医療　〕</t>
    </r>
    <rPh sb="2" eb="4">
      <t>ホケン</t>
    </rPh>
    <rPh sb="5" eb="7">
      <t>イリョウ</t>
    </rPh>
    <phoneticPr fontId="2"/>
  </si>
  <si>
    <t>１．医療施設数</t>
    <rPh sb="2" eb="4">
      <t>イリョウ</t>
    </rPh>
    <rPh sb="4" eb="6">
      <t>シセツ</t>
    </rPh>
    <rPh sb="6" eb="7">
      <t>スウ</t>
    </rPh>
    <phoneticPr fontId="2"/>
  </si>
  <si>
    <t>単位：施設、床</t>
    <rPh sb="0" eb="2">
      <t>タンイ</t>
    </rPh>
    <rPh sb="3" eb="5">
      <t>シセツ</t>
    </rPh>
    <rPh sb="6" eb="7">
      <t>トコ</t>
    </rPh>
    <phoneticPr fontId="2"/>
  </si>
  <si>
    <t>ＢＣＧ接種数</t>
    <rPh sb="3" eb="5">
      <t>セッシュ</t>
    </rPh>
    <rPh sb="5" eb="6">
      <t>スウ</t>
    </rPh>
    <phoneticPr fontId="2"/>
  </si>
  <si>
    <t>８．訪問指導状況</t>
    <rPh sb="2" eb="4">
      <t>ホウモン</t>
    </rPh>
    <rPh sb="4" eb="6">
      <t>シドウ</t>
    </rPh>
    <rPh sb="6" eb="8">
      <t>ジョウキョウ</t>
    </rPh>
    <phoneticPr fontId="2"/>
  </si>
  <si>
    <t>７．母子保健の健康診査・教室・相談実施状況</t>
    <rPh sb="2" eb="4">
      <t>ボシ</t>
    </rPh>
    <rPh sb="4" eb="6">
      <t>ホケン</t>
    </rPh>
    <rPh sb="7" eb="9">
      <t>ケンコウ</t>
    </rPh>
    <rPh sb="9" eb="11">
      <t>シンサ</t>
    </rPh>
    <rPh sb="12" eb="14">
      <t>キョウシツ</t>
    </rPh>
    <rPh sb="15" eb="17">
      <t>ソウダン</t>
    </rPh>
    <rPh sb="17" eb="19">
      <t>ジッシ</t>
    </rPh>
    <rPh sb="19" eb="21">
      <t>ジョウキョウ</t>
    </rPh>
    <phoneticPr fontId="2"/>
  </si>
  <si>
    <t>６．特定死因別死亡者数</t>
    <rPh sb="2" eb="4">
      <t>トクテイ</t>
    </rPh>
    <rPh sb="4" eb="6">
      <t>シイン</t>
    </rPh>
    <rPh sb="6" eb="7">
      <t>ベツ</t>
    </rPh>
    <rPh sb="7" eb="9">
      <t>シボウ</t>
    </rPh>
    <rPh sb="9" eb="10">
      <t>シャ</t>
    </rPh>
    <rPh sb="10" eb="11">
      <t>スウ</t>
    </rPh>
    <phoneticPr fontId="2"/>
  </si>
  <si>
    <t>３．結核住民検診受診状況（６５歳以上）</t>
    <rPh sb="2" eb="4">
      <t>ケッカク</t>
    </rPh>
    <rPh sb="4" eb="6">
      <t>ジュウミン</t>
    </rPh>
    <rPh sb="6" eb="8">
      <t>ケンシン</t>
    </rPh>
    <rPh sb="8" eb="10">
      <t>ジュシン</t>
    </rPh>
    <rPh sb="10" eb="12">
      <t>ジョウキョウ</t>
    </rPh>
    <rPh sb="15" eb="18">
      <t>サイイジョウ</t>
    </rPh>
    <phoneticPr fontId="2"/>
  </si>
  <si>
    <r>
      <t>９．成人老人保健の健康教室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相談実施状況</t>
    </r>
    <rPh sb="2" eb="4">
      <t>セイジン</t>
    </rPh>
    <rPh sb="4" eb="6">
      <t>ロウジン</t>
    </rPh>
    <rPh sb="6" eb="8">
      <t>ホケン</t>
    </rPh>
    <rPh sb="9" eb="11">
      <t>ケンコウ</t>
    </rPh>
    <rPh sb="11" eb="13">
      <t>キョウシツ</t>
    </rPh>
    <rPh sb="14" eb="16">
      <t>ソウダン</t>
    </rPh>
    <rPh sb="16" eb="18">
      <t>ジッシ</t>
    </rPh>
    <rPh sb="18" eb="20">
      <t>ジョウキョウ</t>
    </rPh>
    <phoneticPr fontId="2"/>
  </si>
  <si>
    <t>麻疹・風疹(MR)</t>
    <rPh sb="0" eb="1">
      <t>アサ</t>
    </rPh>
    <rPh sb="1" eb="2">
      <t>シン</t>
    </rPh>
    <rPh sb="3" eb="4">
      <t>フウ</t>
    </rPh>
    <rPh sb="4" eb="5">
      <t>シン</t>
    </rPh>
    <phoneticPr fontId="2"/>
  </si>
  <si>
    <t>-</t>
  </si>
  <si>
    <t>注１　人口動態調査用死因簡単分類表に基づく。</t>
    <rPh sb="0" eb="1">
      <t>チュウ</t>
    </rPh>
    <rPh sb="3" eb="5">
      <t>ジンコウ</t>
    </rPh>
    <rPh sb="5" eb="7">
      <t>ドウタイ</t>
    </rPh>
    <rPh sb="7" eb="10">
      <t>チョウサヨウ</t>
    </rPh>
    <rPh sb="10" eb="12">
      <t>シイン</t>
    </rPh>
    <rPh sb="12" eb="14">
      <t>カンタン</t>
    </rPh>
    <rPh sb="14" eb="17">
      <t>ブンルイヒョウ</t>
    </rPh>
    <rPh sb="18" eb="19">
      <t>モト</t>
    </rPh>
    <phoneticPr fontId="2"/>
  </si>
  <si>
    <t>第１期</t>
    <phoneticPr fontId="2"/>
  </si>
  <si>
    <t>１回目</t>
    <phoneticPr fontId="2"/>
  </si>
  <si>
    <t>２回目</t>
    <phoneticPr fontId="2"/>
  </si>
  <si>
    <t>３回目</t>
    <phoneticPr fontId="2"/>
  </si>
  <si>
    <t>追加</t>
    <phoneticPr fontId="2"/>
  </si>
  <si>
    <t>精検者</t>
  </si>
  <si>
    <t>精検率</t>
  </si>
  <si>
    <t>１０．献血実施状況</t>
    <rPh sb="3" eb="5">
      <t>ケンケツ</t>
    </rPh>
    <rPh sb="5" eb="7">
      <t>ジッシ</t>
    </rPh>
    <rPh sb="7" eb="9">
      <t>ジョウキョウ</t>
    </rPh>
    <phoneticPr fontId="2"/>
  </si>
  <si>
    <r>
      <t>１１．犬の登録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狂犬病予防注射状況</t>
    </r>
    <rPh sb="3" eb="4">
      <t>イヌ</t>
    </rPh>
    <rPh sb="5" eb="7">
      <t>トウロク</t>
    </rPh>
    <rPh sb="8" eb="11">
      <t>キョウケンビョウ</t>
    </rPh>
    <rPh sb="11" eb="13">
      <t>ヨボウ</t>
    </rPh>
    <rPh sb="13" eb="15">
      <t>チュウシャ</t>
    </rPh>
    <rPh sb="15" eb="17">
      <t>ジョウキョウ</t>
    </rPh>
    <phoneticPr fontId="2"/>
  </si>
  <si>
    <t>１２．環境衛生施設数</t>
    <rPh sb="3" eb="5">
      <t>カンキョウ</t>
    </rPh>
    <rPh sb="5" eb="7">
      <t>エイセイ</t>
    </rPh>
    <rPh sb="7" eb="9">
      <t>シセツ</t>
    </rPh>
    <rPh sb="9" eb="10">
      <t>スウ</t>
    </rPh>
    <phoneticPr fontId="2"/>
  </si>
  <si>
    <t>医療施設数</t>
  </si>
  <si>
    <t>保健所</t>
  </si>
  <si>
    <t>病院</t>
  </si>
  <si>
    <t>診療所</t>
  </si>
  <si>
    <t>歯科診療所</t>
  </si>
  <si>
    <t xml:space="preserve"> 年</t>
  </si>
  <si>
    <t>施設</t>
  </si>
  <si>
    <t>病床</t>
  </si>
  <si>
    <t>6歳以下</t>
  </si>
  <si>
    <t>7～15歳</t>
  </si>
  <si>
    <t>16歳以上</t>
  </si>
  <si>
    <t>呼吸器系</t>
  </si>
  <si>
    <t>消化器系</t>
  </si>
  <si>
    <t>循環器系</t>
  </si>
  <si>
    <t>１回目</t>
    <phoneticPr fontId="2"/>
  </si>
  <si>
    <t>２回目</t>
    <phoneticPr fontId="2"/>
  </si>
  <si>
    <t>第１期</t>
    <phoneticPr fontId="2"/>
  </si>
  <si>
    <t>３回目</t>
    <phoneticPr fontId="2"/>
  </si>
  <si>
    <t>第２期</t>
    <phoneticPr fontId="2"/>
  </si>
  <si>
    <t>小児用肺炎球菌</t>
    <rPh sb="0" eb="3">
      <t>ショウニヨウ</t>
    </rPh>
    <rPh sb="3" eb="5">
      <t>ハイエン</t>
    </rPh>
    <rPh sb="5" eb="7">
      <t>キュウキン</t>
    </rPh>
    <phoneticPr fontId="2"/>
  </si>
  <si>
    <t>ｂ型インフルエンザ菌
(Hib)</t>
    <rPh sb="1" eb="2">
      <t>ガタ</t>
    </rPh>
    <rPh sb="9" eb="10">
      <t>キン</t>
    </rPh>
    <phoneticPr fontId="2"/>
  </si>
  <si>
    <t>子宮頸がん
予防ワクチン</t>
    <rPh sb="0" eb="2">
      <t>シキュウ</t>
    </rPh>
    <rPh sb="2" eb="3">
      <t>ケイ</t>
    </rPh>
    <rPh sb="6" eb="8">
      <t>ヨボウ</t>
    </rPh>
    <phoneticPr fontId="2"/>
  </si>
  <si>
    <t>２回目</t>
    <phoneticPr fontId="2"/>
  </si>
  <si>
    <t>年度・区分</t>
  </si>
  <si>
    <t>胃がん検診</t>
  </si>
  <si>
    <t>子宮がん検診</t>
  </si>
  <si>
    <t>肺がん検診</t>
  </si>
  <si>
    <t>乳がん検診</t>
  </si>
  <si>
    <t>大腸がん検診</t>
  </si>
  <si>
    <t>肝炎ウィルス
検診</t>
  </si>
  <si>
    <t>歯周疾患検診</t>
  </si>
  <si>
    <t>総数</t>
  </si>
  <si>
    <t>悪性新生物</t>
  </si>
  <si>
    <t>脳血管疾患</t>
  </si>
  <si>
    <t>心疾患</t>
  </si>
  <si>
    <t>肺炎及び
気管支炎</t>
  </si>
  <si>
    <t>肝疾患及び
肝硬変</t>
  </si>
  <si>
    <t>高血圧性疾患</t>
  </si>
  <si>
    <t>腎不全</t>
  </si>
  <si>
    <t>糖尿病</t>
  </si>
  <si>
    <t>老衰</t>
  </si>
  <si>
    <t>不慮の事故</t>
  </si>
  <si>
    <t>自殺</t>
  </si>
  <si>
    <t>３か月児 　
健康診査</t>
  </si>
  <si>
    <t>１０か月児
発達相談</t>
  </si>
  <si>
    <t>１歳６か月児
健康診査</t>
  </si>
  <si>
    <t>２歳児
発達相談</t>
  </si>
  <si>
    <t>３歳６か月児
健康診査</t>
  </si>
  <si>
    <t>パパママ
セミナー
（母親教室）</t>
  </si>
  <si>
    <t>受講者
（実人数）</t>
  </si>
  <si>
    <t>受講者
（延べ人数）</t>
  </si>
  <si>
    <t>相談者</t>
  </si>
  <si>
    <t>対象者
の状況</t>
  </si>
  <si>
    <t>年齢内訳</t>
  </si>
  <si>
    <t>　 　～４０歳</t>
  </si>
  <si>
    <t>訪問目的
内      訳</t>
  </si>
  <si>
    <t>認知症老人</t>
  </si>
  <si>
    <t>精神保健法による者</t>
  </si>
  <si>
    <t>受診者数</t>
  </si>
  <si>
    <t>総　数</t>
  </si>
  <si>
    <t>公衆浴場</t>
  </si>
  <si>
    <t>旅　館</t>
  </si>
  <si>
    <t>理容所</t>
  </si>
  <si>
    <t>美容所</t>
  </si>
  <si>
    <t>住民１人当たり
１日平均排出量（ｇ）</t>
  </si>
  <si>
    <t>収集作業員数</t>
  </si>
  <si>
    <t>清掃車両保有台数</t>
  </si>
  <si>
    <t>（人）</t>
  </si>
  <si>
    <t>（台）</t>
  </si>
  <si>
    <t>実施団体数
(団体）</t>
  </si>
  <si>
    <t>紙類</t>
  </si>
  <si>
    <t>布類</t>
  </si>
  <si>
    <t>総量</t>
  </si>
  <si>
    <t>し尿</t>
  </si>
  <si>
    <t>総　　数</t>
  </si>
  <si>
    <t>大気汚染</t>
  </si>
  <si>
    <t>水質汚濁</t>
  </si>
  <si>
    <t>土壌汚染</t>
  </si>
  <si>
    <t>騒音</t>
  </si>
  <si>
    <t>悪臭</t>
  </si>
  <si>
    <t>振動</t>
  </si>
  <si>
    <t>不法投棄</t>
  </si>
  <si>
    <t>１３．ごみ処理状況</t>
    <rPh sb="5" eb="7">
      <t>ショリ</t>
    </rPh>
    <rPh sb="7" eb="9">
      <t>ジョウキョウ</t>
    </rPh>
    <phoneticPr fontId="2"/>
  </si>
  <si>
    <t>１４．ごみ減量化推進事業の状況</t>
    <rPh sb="5" eb="8">
      <t>ゲンリョウカ</t>
    </rPh>
    <rPh sb="8" eb="10">
      <t>スイシン</t>
    </rPh>
    <rPh sb="10" eb="12">
      <t>ジギョウ</t>
    </rPh>
    <rPh sb="13" eb="15">
      <t>ジョウキョウ</t>
    </rPh>
    <phoneticPr fontId="2"/>
  </si>
  <si>
    <t>１５．し尿処理状況</t>
    <rPh sb="3" eb="5">
      <t>シニョウ</t>
    </rPh>
    <rPh sb="5" eb="7">
      <t>ショリ</t>
    </rPh>
    <rPh sb="7" eb="9">
      <t>ジョウキョウ</t>
    </rPh>
    <phoneticPr fontId="2"/>
  </si>
  <si>
    <t>１６．公害苦情受理状況</t>
    <rPh sb="3" eb="5">
      <t>コウガイ</t>
    </rPh>
    <rPh sb="5" eb="7">
      <t>クジョウ</t>
    </rPh>
    <rPh sb="7" eb="9">
      <t>ジュリ</t>
    </rPh>
    <rPh sb="9" eb="11">
      <t>ジョウキョウ</t>
    </rPh>
    <phoneticPr fontId="2"/>
  </si>
  <si>
    <t>注２　悪性新生物には、性質不詳のものを含む。</t>
    <rPh sb="0" eb="1">
      <t>チュウ</t>
    </rPh>
    <rPh sb="3" eb="5">
      <t>アクセイ</t>
    </rPh>
    <rPh sb="5" eb="6">
      <t>シン</t>
    </rPh>
    <rPh sb="6" eb="8">
      <t>セイブツ</t>
    </rPh>
    <rPh sb="11" eb="13">
      <t>セイシツ</t>
    </rPh>
    <rPh sb="13" eb="15">
      <t>フショウ</t>
    </rPh>
    <phoneticPr fontId="2"/>
  </si>
  <si>
    <t>注４　高血圧性疾患には、高血圧性心疾患を含む。</t>
    <rPh sb="0" eb="1">
      <t>チュウ</t>
    </rPh>
    <rPh sb="3" eb="7">
      <t>コウケツアツセイ</t>
    </rPh>
    <rPh sb="7" eb="9">
      <t>シッカン</t>
    </rPh>
    <rPh sb="12" eb="16">
      <t>コウケツアツセイ</t>
    </rPh>
    <rPh sb="16" eb="19">
      <t>シンシッカン</t>
    </rPh>
    <phoneticPr fontId="2"/>
  </si>
  <si>
    <t>資料：健康推進課</t>
    <rPh sb="0" eb="2">
      <t>シリョウ</t>
    </rPh>
    <rPh sb="3" eb="5">
      <t>ケンコウ</t>
    </rPh>
    <rPh sb="5" eb="7">
      <t>スイシン</t>
    </rPh>
    <rPh sb="7" eb="8">
      <t>カ</t>
    </rPh>
    <phoneticPr fontId="2"/>
  </si>
  <si>
    <t>資料：子育て支援課、健康推進課</t>
    <rPh sb="3" eb="5">
      <t>コソダ</t>
    </rPh>
    <rPh sb="6" eb="8">
      <t>シエン</t>
    </rPh>
    <rPh sb="10" eb="12">
      <t>ケンコウ</t>
    </rPh>
    <rPh sb="12" eb="14">
      <t>スイシン</t>
    </rPh>
    <rPh sb="14" eb="15">
      <t>カ</t>
    </rPh>
    <phoneticPr fontId="2"/>
  </si>
  <si>
    <t>四種混合</t>
    <rPh sb="0" eb="1">
      <t>4</t>
    </rPh>
    <phoneticPr fontId="2"/>
  </si>
  <si>
    <t>４．成人検診等受診状況</t>
    <rPh sb="2" eb="4">
      <t>セイジン</t>
    </rPh>
    <rPh sb="4" eb="6">
      <t>ケンシン</t>
    </rPh>
    <rPh sb="6" eb="7">
      <t>トウ</t>
    </rPh>
    <rPh sb="7" eb="9">
      <t>ジュシン</t>
    </rPh>
    <rPh sb="9" eb="11">
      <t>ジョウキョウ</t>
    </rPh>
    <phoneticPr fontId="2"/>
  </si>
  <si>
    <t>５．予防接種実施状況</t>
    <rPh sb="2" eb="4">
      <t>ヨボウ</t>
    </rPh>
    <rPh sb="4" eb="6">
      <t>セッシュ</t>
    </rPh>
    <rPh sb="6" eb="8">
      <t>ジッシ</t>
    </rPh>
    <rPh sb="8" eb="10">
      <t>ジョウキョウ</t>
    </rPh>
    <phoneticPr fontId="2"/>
  </si>
  <si>
    <t>資料：子育て支援課</t>
    <rPh sb="0" eb="2">
      <t>シリョウ</t>
    </rPh>
    <rPh sb="3" eb="5">
      <t>コソダ</t>
    </rPh>
    <rPh sb="6" eb="8">
      <t>シエン</t>
    </rPh>
    <rPh sb="8" eb="9">
      <t>カ</t>
    </rPh>
    <phoneticPr fontId="2"/>
  </si>
  <si>
    <t>資料：環境課</t>
    <rPh sb="0" eb="2">
      <t>シリョウ</t>
    </rPh>
    <rPh sb="3" eb="5">
      <t>カンキョウ</t>
    </rPh>
    <rPh sb="5" eb="6">
      <t>カ</t>
    </rPh>
    <phoneticPr fontId="2"/>
  </si>
  <si>
    <t>家庭生ごみ自家処理容器設置費
補助件数（件）</t>
    <phoneticPr fontId="2"/>
  </si>
  <si>
    <t>骨粗鬆症
予防検診</t>
    <phoneticPr fontId="2"/>
  </si>
  <si>
    <t>受診者数</t>
    <rPh sb="0" eb="3">
      <t>ジュシンシャ</t>
    </rPh>
    <rPh sb="3" eb="4">
      <t>スウ</t>
    </rPh>
    <phoneticPr fontId="2"/>
  </si>
  <si>
    <t>注１　（　）内は１日平均投入量。</t>
    <rPh sb="0" eb="1">
      <t>チュウ</t>
    </rPh>
    <rPh sb="6" eb="7">
      <t>ナイ</t>
    </rPh>
    <rPh sb="9" eb="10">
      <t>ニチ</t>
    </rPh>
    <rPh sb="10" eb="12">
      <t>ヘイキン</t>
    </rPh>
    <rPh sb="12" eb="15">
      <t>トウニュウリョウ</t>
    </rPh>
    <phoneticPr fontId="2"/>
  </si>
  <si>
    <t>注１　人数には、八幡市、井手町、宇治田原町、その他の市町の人数を含む。</t>
    <rPh sb="0" eb="1">
      <t>チュウ</t>
    </rPh>
    <rPh sb="3" eb="5">
      <t>ニンズウ</t>
    </rPh>
    <rPh sb="8" eb="11">
      <t>ヤワタシ</t>
    </rPh>
    <rPh sb="12" eb="15">
      <t>イデチョウ</t>
    </rPh>
    <rPh sb="16" eb="21">
      <t>ウジタワラチョウ</t>
    </rPh>
    <rPh sb="24" eb="25">
      <t>タ</t>
    </rPh>
    <rPh sb="26" eb="28">
      <t>シチョウ</t>
    </rPh>
    <rPh sb="29" eb="31">
      <t>ニンズウ</t>
    </rPh>
    <rPh sb="32" eb="33">
      <t>フク</t>
    </rPh>
    <phoneticPr fontId="2"/>
  </si>
  <si>
    <t>　　　（　）内は総数のうち、京田辺市内の人数。</t>
    <phoneticPr fontId="2"/>
  </si>
  <si>
    <t>注１　住民１人当たり１日平均排出量は、各年１０月１日現在の住民基本台帳人口による。</t>
    <rPh sb="0" eb="1">
      <t>チュウ</t>
    </rPh>
    <rPh sb="3" eb="5">
      <t>ジュウミン</t>
    </rPh>
    <rPh sb="6" eb="7">
      <t>ニン</t>
    </rPh>
    <rPh sb="7" eb="8">
      <t>ア</t>
    </rPh>
    <rPh sb="11" eb="12">
      <t>ニチ</t>
    </rPh>
    <rPh sb="12" eb="14">
      <t>ヘイキン</t>
    </rPh>
    <rPh sb="14" eb="17">
      <t>ハイシュツリョウ</t>
    </rPh>
    <rPh sb="19" eb="21">
      <t>カクネン</t>
    </rPh>
    <rPh sb="23" eb="24">
      <t>ガツ</t>
    </rPh>
    <rPh sb="25" eb="26">
      <t>ニチ</t>
    </rPh>
    <rPh sb="26" eb="28">
      <t>ゲンザイ</t>
    </rPh>
    <rPh sb="29" eb="31">
      <t>ジュウミン</t>
    </rPh>
    <rPh sb="31" eb="33">
      <t>キホン</t>
    </rPh>
    <rPh sb="33" eb="35">
      <t>ダイチョウ</t>
    </rPh>
    <rPh sb="35" eb="37">
      <t>ジンコウ</t>
    </rPh>
    <phoneticPr fontId="2"/>
  </si>
  <si>
    <t xml:space="preserve"> 年度</t>
    <rPh sb="2" eb="3">
      <t>ド</t>
    </rPh>
    <phoneticPr fontId="2"/>
  </si>
  <si>
    <t>（各年度末調）</t>
    <rPh sb="1" eb="5">
      <t>カクネンドマツ</t>
    </rPh>
    <rPh sb="5" eb="6">
      <t>チョウ</t>
    </rPh>
    <phoneticPr fontId="2"/>
  </si>
  <si>
    <t>(…)</t>
  </si>
  <si>
    <t>資料：総務室（人口動態調査）</t>
    <rPh sb="0" eb="2">
      <t>シリョウ</t>
    </rPh>
    <rPh sb="3" eb="6">
      <t>ソウムシツ</t>
    </rPh>
    <rPh sb="7" eb="9">
      <t>ジンコウ</t>
    </rPh>
    <rPh sb="9" eb="11">
      <t>ドウタイ</t>
    </rPh>
    <rPh sb="11" eb="13">
      <t>チョウサ</t>
    </rPh>
    <phoneticPr fontId="2"/>
  </si>
  <si>
    <t>注３　肺炎及び気管支炎には、慢性閉塞性肺疾患、喘息を含む。</t>
    <rPh sb="0" eb="1">
      <t>チュウ</t>
    </rPh>
    <rPh sb="3" eb="5">
      <t>ハイエン</t>
    </rPh>
    <rPh sb="5" eb="6">
      <t>オヨ</t>
    </rPh>
    <rPh sb="7" eb="11">
      <t>キカンシエン</t>
    </rPh>
    <rPh sb="14" eb="16">
      <t>マンセイ</t>
    </rPh>
    <rPh sb="16" eb="18">
      <t>ヘイソク</t>
    </rPh>
    <rPh sb="18" eb="19">
      <t>セイ</t>
    </rPh>
    <rPh sb="19" eb="22">
      <t>ハイシッカン</t>
    </rPh>
    <rPh sb="23" eb="25">
      <t>ゼンソク</t>
    </rPh>
    <phoneticPr fontId="2"/>
  </si>
  <si>
    <t>離乳食教室</t>
    <rPh sb="2" eb="3">
      <t>ショク</t>
    </rPh>
    <phoneticPr fontId="2"/>
  </si>
  <si>
    <t>(-)</t>
  </si>
  <si>
    <t>注１　がん検診は６９歳までの人数。</t>
    <rPh sb="0" eb="1">
      <t>チュウ</t>
    </rPh>
    <rPh sb="5" eb="7">
      <t>ケンシン</t>
    </rPh>
    <rPh sb="10" eb="11">
      <t>サイ</t>
    </rPh>
    <rPh sb="14" eb="16">
      <t>ニンズウ</t>
    </rPh>
    <phoneticPr fontId="2"/>
  </si>
  <si>
    <t>高齢者肺炎球菌</t>
    <phoneticPr fontId="2"/>
  </si>
  <si>
    <t>高齢者インフルエンザ</t>
    <phoneticPr fontId="2"/>
  </si>
  <si>
    <t>麻疹・風疹（MR5期）</t>
    <phoneticPr fontId="2"/>
  </si>
  <si>
    <t>B型肝炎</t>
    <phoneticPr fontId="2"/>
  </si>
  <si>
    <t>騒音
(低周波)</t>
    <phoneticPr fontId="2"/>
  </si>
  <si>
    <t>クリーニング所</t>
    <phoneticPr fontId="2"/>
  </si>
  <si>
    <t>３回目</t>
    <phoneticPr fontId="2"/>
  </si>
  <si>
    <t>子宮頸がん
予防ワクチン　　　　　（キャッチアップ接種）</t>
    <rPh sb="0" eb="2">
      <t>シキュウ</t>
    </rPh>
    <rPh sb="2" eb="3">
      <t>ケイ</t>
    </rPh>
    <rPh sb="6" eb="8">
      <t>ヨボウ</t>
    </rPh>
    <rPh sb="25" eb="27">
      <t>セッシュ</t>
    </rPh>
    <phoneticPr fontId="2"/>
  </si>
  <si>
    <t>１回目</t>
    <phoneticPr fontId="2"/>
  </si>
  <si>
    <t>薬局等</t>
    <rPh sb="2" eb="3">
      <t>トウ</t>
    </rPh>
    <phoneticPr fontId="2"/>
  </si>
  <si>
    <t>ロタウイルスワクチン</t>
    <phoneticPr fontId="2"/>
  </si>
  <si>
    <t>水痘</t>
    <phoneticPr fontId="2"/>
  </si>
  <si>
    <t>五種混合</t>
    <rPh sb="0" eb="1">
      <t>ゴ</t>
    </rPh>
    <phoneticPr fontId="2"/>
  </si>
  <si>
    <t>-</t>
    <phoneticPr fontId="2"/>
  </si>
  <si>
    <t>１か月児 　
健康診査助成</t>
    <rPh sb="11" eb="13">
      <t>ジョセイ</t>
    </rPh>
    <phoneticPr fontId="2"/>
  </si>
  <si>
    <t>助成件数</t>
    <rPh sb="0" eb="2">
      <t>ジョセイ</t>
    </rPh>
    <rPh sb="2" eb="4">
      <t>ケンスウ</t>
    </rPh>
    <phoneticPr fontId="2"/>
  </si>
  <si>
    <t>注１　１か月児健診については、個別健診となり、助成を実施。</t>
    <rPh sb="0" eb="1">
      <t>チュ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0">
    <numFmt numFmtId="42" formatCode="_ &quot;¥&quot;* #,##0_ ;_ &quot;¥&quot;* \-#,##0_ ;_ &quot;¥&quot;* &quot;-&quot;_ ;_ @_ "/>
    <numFmt numFmtId="176" formatCode="#,##0_ "/>
    <numFmt numFmtId="177" formatCode="#,##0_);[Red]\(#,##0\)"/>
    <numFmt numFmtId="178" formatCode="0_ "/>
    <numFmt numFmtId="179" formatCode="#,##0.0_);[Red]\(#,##0.0\)"/>
    <numFmt numFmtId="180" formatCode="0.0%"/>
    <numFmt numFmtId="181" formatCode="0.00_ "/>
    <numFmt numFmtId="182" formatCode="#,##0_ ;[Red]\-#,##0\ "/>
    <numFmt numFmtId="183" formatCode="0&quot;年&quot;"/>
    <numFmt numFmtId="184" formatCode="&quot;平成 &quot;0&quot;年&quot;"/>
    <numFmt numFmtId="185" formatCode="0&quot;　 年&quot;"/>
    <numFmt numFmtId="186" formatCode="\(#,##0\)"/>
    <numFmt numFmtId="187" formatCode="#,##0\ ;@\ "/>
    <numFmt numFmtId="188" formatCode="0&quot;年　&quot;"/>
    <numFmt numFmtId="189" formatCode="#,##0.0\ ;@\ "/>
    <numFmt numFmtId="190" formatCode="&quot;令和 &quot;0&quot;年&quot;"/>
    <numFmt numFmtId="191" formatCode="&quot;令和&quot;\ 0&quot;年&quot;"/>
    <numFmt numFmtId="192" formatCode="\(#,##0.0\)"/>
    <numFmt numFmtId="193" formatCode="&quot;令和 &quot;0&quot;年　&quot;"/>
    <numFmt numFmtId="194" formatCode="0_);[Red]\(0\)"/>
  </numFmts>
  <fonts count="20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  <font>
      <b/>
      <sz val="12"/>
      <name val="ＭＳ Ｐ明朝"/>
      <family val="1"/>
      <charset val="128"/>
    </font>
    <font>
      <b/>
      <sz val="14"/>
      <name val="ＭＳ Ｐゴシック"/>
      <family val="3"/>
      <charset val="128"/>
    </font>
    <font>
      <b/>
      <sz val="14"/>
      <name val="ＭＳ Ｐ明朝"/>
      <family val="1"/>
      <charset val="128"/>
    </font>
    <font>
      <sz val="8"/>
      <name val="ＭＳ Ｐ明朝"/>
      <family val="1"/>
      <charset val="128"/>
    </font>
    <font>
      <b/>
      <sz val="10"/>
      <name val="ＭＳ Ｐゴシック"/>
      <family val="3"/>
      <charset val="128"/>
    </font>
    <font>
      <b/>
      <sz val="11"/>
      <name val="ＭＳ Ｐ明朝"/>
      <family val="1"/>
      <charset val="128"/>
    </font>
    <font>
      <sz val="10"/>
      <color indexed="8"/>
      <name val="ＭＳ Ｐ明朝"/>
      <family val="1"/>
      <charset val="128"/>
    </font>
    <font>
      <b/>
      <sz val="10"/>
      <color indexed="8"/>
      <name val="ＭＳ Ｐゴシック"/>
      <family val="3"/>
      <charset val="128"/>
    </font>
    <font>
      <sz val="11"/>
      <color rgb="FFFF0000"/>
      <name val="ＭＳ Ｐ明朝"/>
      <family val="1"/>
      <charset val="128"/>
    </font>
    <font>
      <b/>
      <sz val="10"/>
      <name val="ＭＳ Ｐゴシック"/>
      <family val="3"/>
      <charset val="128"/>
      <scheme val="major"/>
    </font>
    <font>
      <sz val="10"/>
      <color theme="1"/>
      <name val="ＭＳ Ｐ明朝"/>
      <family val="1"/>
      <charset val="128"/>
    </font>
    <font>
      <b/>
      <sz val="10"/>
      <color theme="1"/>
      <name val="ＭＳ Ｐゴシック"/>
      <family val="3"/>
      <charset val="128"/>
    </font>
    <font>
      <sz val="10"/>
      <color rgb="FFFF0000"/>
      <name val="ＭＳ Ｐ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theme="0"/>
        <bgColor indexed="64"/>
      </patternFill>
    </fill>
  </fills>
  <borders count="6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8"/>
      </bottom>
      <diagonal/>
    </border>
    <border>
      <left/>
      <right style="hair">
        <color indexed="8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8"/>
      </right>
      <top style="hair">
        <color indexed="8"/>
      </top>
      <bottom/>
      <diagonal/>
    </border>
    <border>
      <left/>
      <right style="hair">
        <color indexed="8"/>
      </right>
      <top/>
      <bottom style="thin">
        <color indexed="8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8"/>
      </right>
      <top/>
      <bottom/>
      <diagonal/>
    </border>
    <border>
      <left/>
      <right style="thin">
        <color indexed="8"/>
      </right>
      <top/>
      <bottom style="thin">
        <color indexed="64"/>
      </bottom>
      <diagonal/>
    </border>
    <border>
      <left/>
      <right/>
      <top style="hair">
        <color indexed="8"/>
      </top>
      <bottom/>
      <diagonal/>
    </border>
    <border>
      <left style="hair">
        <color indexed="8"/>
      </left>
      <right/>
      <top style="thin">
        <color indexed="8"/>
      </top>
      <bottom/>
      <diagonal/>
    </border>
    <border>
      <left/>
      <right style="hair">
        <color indexed="8"/>
      </right>
      <top style="thin">
        <color indexed="8"/>
      </top>
      <bottom/>
      <diagonal/>
    </border>
    <border>
      <left style="hair">
        <color indexed="8"/>
      </left>
      <right/>
      <top/>
      <bottom style="hair">
        <color indexed="8"/>
      </bottom>
      <diagonal/>
    </border>
    <border>
      <left/>
      <right style="hair">
        <color indexed="8"/>
      </right>
      <top/>
      <bottom style="hair">
        <color indexed="8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8"/>
      </left>
      <right/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8"/>
      </top>
      <bottom/>
      <diagonal/>
    </border>
    <border>
      <left/>
      <right/>
      <top/>
      <bottom style="hair">
        <color indexed="8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8"/>
      </right>
      <top style="hair">
        <color indexed="8"/>
      </top>
      <bottom/>
      <diagonal/>
    </border>
    <border>
      <left style="hair">
        <color indexed="8"/>
      </left>
      <right/>
      <top/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/>
      <diagonal/>
    </border>
    <border>
      <left/>
      <right style="thin">
        <color indexed="64"/>
      </right>
      <top/>
      <bottom style="hair">
        <color indexed="8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8"/>
      </right>
      <top/>
      <bottom style="thin">
        <color indexed="64"/>
      </bottom>
      <diagonal/>
    </border>
    <border>
      <left style="hair">
        <color indexed="8"/>
      </left>
      <right/>
      <top/>
      <bottom style="thin">
        <color indexed="64"/>
      </bottom>
      <diagonal/>
    </border>
    <border>
      <left/>
      <right style="hair">
        <color indexed="8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8"/>
      </top>
      <bottom/>
      <diagonal/>
    </border>
    <border>
      <left style="hair">
        <color indexed="8"/>
      </left>
      <right/>
      <top style="hair">
        <color indexed="64"/>
      </top>
      <bottom/>
      <diagonal/>
    </border>
    <border>
      <left/>
      <right style="thin">
        <color indexed="8"/>
      </right>
      <top style="hair">
        <color indexed="64"/>
      </top>
      <bottom/>
      <diagonal/>
    </border>
  </borders>
  <cellStyleXfs count="4">
    <xf numFmtId="0" fontId="0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1" fillId="0" borderId="0">
      <alignment vertical="center"/>
    </xf>
  </cellStyleXfs>
  <cellXfs count="625">
    <xf numFmtId="0" fontId="0" fillId="0" borderId="0" xfId="0"/>
    <xf numFmtId="0" fontId="6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right" vertical="center"/>
    </xf>
    <xf numFmtId="0" fontId="3" fillId="0" borderId="0" xfId="0" applyFont="1" applyAlignment="1">
      <alignment horizontal="right"/>
    </xf>
    <xf numFmtId="0" fontId="6" fillId="0" borderId="0" xfId="0" applyFont="1" applyAlignment="1">
      <alignment horizontal="center" vertical="center"/>
    </xf>
    <xf numFmtId="177" fontId="6" fillId="0" borderId="0" xfId="0" applyNumberFormat="1" applyFont="1" applyAlignment="1">
      <alignment horizontal="right" vertical="center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180" fontId="3" fillId="0" borderId="0" xfId="1" applyNumberFormat="1" applyFont="1" applyFill="1" applyBorder="1" applyAlignment="1" applyProtection="1">
      <alignment vertical="center"/>
    </xf>
    <xf numFmtId="0" fontId="5" fillId="0" borderId="0" xfId="0" applyFont="1" applyAlignment="1">
      <alignment vertical="center"/>
    </xf>
    <xf numFmtId="177" fontId="3" fillId="0" borderId="0" xfId="0" applyNumberFormat="1" applyFont="1" applyAlignment="1">
      <alignment horizontal="left" vertical="center"/>
    </xf>
    <xf numFmtId="185" fontId="3" fillId="0" borderId="0" xfId="0" applyNumberFormat="1" applyFont="1" applyAlignment="1">
      <alignment horizontal="center" vertical="center"/>
    </xf>
    <xf numFmtId="177" fontId="3" fillId="0" borderId="0" xfId="2" applyNumberFormat="1" applyFont="1" applyFill="1" applyBorder="1" applyAlignment="1" applyProtection="1">
      <alignment horizontal="right" vertical="center" indent="1"/>
    </xf>
    <xf numFmtId="179" fontId="3" fillId="0" borderId="0" xfId="2" applyNumberFormat="1" applyFont="1" applyFill="1" applyBorder="1" applyAlignment="1" applyProtection="1">
      <alignment horizontal="right" vertical="center" indent="1"/>
    </xf>
    <xf numFmtId="0" fontId="3" fillId="0" borderId="1" xfId="0" applyFont="1" applyBorder="1" applyAlignment="1">
      <alignment horizontal="right"/>
    </xf>
    <xf numFmtId="0" fontId="6" fillId="0" borderId="0" xfId="0" applyFont="1" applyAlignment="1">
      <alignment horizontal="distributed" vertical="center"/>
    </xf>
    <xf numFmtId="0" fontId="6" fillId="0" borderId="2" xfId="0" applyFont="1" applyBorder="1" applyAlignment="1">
      <alignment vertical="center"/>
    </xf>
    <xf numFmtId="176" fontId="6" fillId="0" borderId="3" xfId="0" applyNumberFormat="1" applyFont="1" applyBorder="1" applyAlignment="1">
      <alignment horizontal="right" vertical="center"/>
    </xf>
    <xf numFmtId="176" fontId="3" fillId="0" borderId="0" xfId="0" applyNumberFormat="1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distributed" vertical="center"/>
    </xf>
    <xf numFmtId="177" fontId="6" fillId="0" borderId="0" xfId="0" applyNumberFormat="1" applyFont="1" applyAlignment="1">
      <alignment vertical="center"/>
    </xf>
    <xf numFmtId="0" fontId="3" fillId="0" borderId="4" xfId="0" applyFont="1" applyBorder="1" applyAlignment="1">
      <alignment vertical="center"/>
    </xf>
    <xf numFmtId="181" fontId="3" fillId="0" borderId="0" xfId="0" applyNumberFormat="1" applyFont="1" applyAlignment="1">
      <alignment vertical="center"/>
    </xf>
    <xf numFmtId="0" fontId="3" fillId="0" borderId="0" xfId="0" applyFont="1" applyAlignment="1">
      <alignment horizontal="distributed" vertical="center" wrapText="1"/>
    </xf>
    <xf numFmtId="0" fontId="6" fillId="0" borderId="0" xfId="0" applyFont="1" applyAlignment="1">
      <alignment horizontal="left" vertical="center" shrinkToFit="1"/>
    </xf>
    <xf numFmtId="0" fontId="6" fillId="0" borderId="0" xfId="0" applyFont="1" applyAlignment="1">
      <alignment horizontal="right" vertical="center" shrinkToFit="1"/>
    </xf>
    <xf numFmtId="0" fontId="8" fillId="0" borderId="0" xfId="0" applyFont="1" applyAlignment="1">
      <alignment horizontal="center" vertical="center"/>
    </xf>
    <xf numFmtId="0" fontId="12" fillId="0" borderId="0" xfId="0" applyFont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5" xfId="0" applyFont="1" applyBorder="1" applyAlignment="1">
      <alignment horizontal="right" vertical="center"/>
    </xf>
    <xf numFmtId="0" fontId="6" fillId="0" borderId="6" xfId="0" applyFont="1" applyBorder="1" applyAlignment="1">
      <alignment vertical="center" justifyLastLine="1"/>
    </xf>
    <xf numFmtId="0" fontId="4" fillId="0" borderId="5" xfId="0" applyFont="1" applyBorder="1" applyAlignment="1">
      <alignment vertical="center"/>
    </xf>
    <xf numFmtId="0" fontId="3" fillId="0" borderId="5" xfId="0" applyFont="1" applyBorder="1" applyAlignment="1">
      <alignment horizontal="right"/>
    </xf>
    <xf numFmtId="0" fontId="3" fillId="2" borderId="0" xfId="0" applyFont="1" applyFill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8" xfId="0" applyFont="1" applyBorder="1" applyAlignment="1">
      <alignment horizontal="center" vertical="center"/>
    </xf>
    <xf numFmtId="0" fontId="6" fillId="0" borderId="0" xfId="0" applyFont="1" applyAlignment="1">
      <alignment horizontal="distributed" vertical="center" wrapText="1"/>
    </xf>
    <xf numFmtId="0" fontId="6" fillId="0" borderId="9" xfId="0" applyFont="1" applyBorder="1" applyAlignment="1">
      <alignment horizontal="left" vertical="center"/>
    </xf>
    <xf numFmtId="0" fontId="6" fillId="0" borderId="10" xfId="0" applyFont="1" applyBorder="1" applyAlignment="1">
      <alignment horizontal="left" vertical="center"/>
    </xf>
    <xf numFmtId="0" fontId="6" fillId="0" borderId="11" xfId="0" applyFont="1" applyBorder="1" applyAlignment="1">
      <alignment vertical="center"/>
    </xf>
    <xf numFmtId="176" fontId="6" fillId="0" borderId="12" xfId="0" applyNumberFormat="1" applyFont="1" applyBorder="1" applyAlignment="1">
      <alignment horizontal="right" vertical="center"/>
    </xf>
    <xf numFmtId="0" fontId="6" fillId="0" borderId="8" xfId="0" applyFont="1" applyBorder="1" applyAlignment="1">
      <alignment horizontal="distributed" vertical="center"/>
    </xf>
    <xf numFmtId="176" fontId="6" fillId="0" borderId="13" xfId="0" applyNumberFormat="1" applyFont="1" applyBorder="1" applyAlignment="1">
      <alignment horizontal="right" vertical="center"/>
    </xf>
    <xf numFmtId="0" fontId="6" fillId="0" borderId="9" xfId="0" applyFont="1" applyBorder="1" applyAlignment="1">
      <alignment vertical="center"/>
    </xf>
    <xf numFmtId="176" fontId="6" fillId="0" borderId="10" xfId="0" applyNumberFormat="1" applyFont="1" applyBorder="1" applyAlignment="1">
      <alignment horizontal="right" vertical="center"/>
    </xf>
    <xf numFmtId="0" fontId="6" fillId="0" borderId="8" xfId="0" applyFont="1" applyBorder="1" applyAlignment="1">
      <alignment horizontal="distributed" vertical="center" wrapText="1"/>
    </xf>
    <xf numFmtId="0" fontId="0" fillId="0" borderId="0" xfId="0" applyAlignment="1">
      <alignment vertical="center"/>
    </xf>
    <xf numFmtId="0" fontId="0" fillId="0" borderId="0" xfId="3" applyFont="1">
      <alignment vertical="center"/>
    </xf>
    <xf numFmtId="0" fontId="15" fillId="0" borderId="0" xfId="0" applyFont="1" applyAlignment="1">
      <alignment horizontal="center" vertical="center"/>
    </xf>
    <xf numFmtId="0" fontId="15" fillId="0" borderId="0" xfId="0" applyFont="1" applyAlignment="1">
      <alignment vertical="center"/>
    </xf>
    <xf numFmtId="178" fontId="6" fillId="0" borderId="14" xfId="0" applyNumberFormat="1" applyFont="1" applyBorder="1" applyAlignment="1">
      <alignment vertical="center"/>
    </xf>
    <xf numFmtId="178" fontId="6" fillId="0" borderId="6" xfId="0" applyNumberFormat="1" applyFont="1" applyBorder="1" applyAlignment="1">
      <alignment vertical="center"/>
    </xf>
    <xf numFmtId="178" fontId="11" fillId="0" borderId="15" xfId="0" applyNumberFormat="1" applyFont="1" applyBorder="1" applyAlignment="1">
      <alignment vertical="center"/>
    </xf>
    <xf numFmtId="0" fontId="3" fillId="3" borderId="0" xfId="0" applyFont="1" applyFill="1" applyAlignment="1">
      <alignment vertical="center"/>
    </xf>
    <xf numFmtId="188" fontId="6" fillId="0" borderId="2" xfId="0" applyNumberFormat="1" applyFont="1" applyBorder="1" applyAlignment="1">
      <alignment vertical="center"/>
    </xf>
    <xf numFmtId="188" fontId="6" fillId="0" borderId="0" xfId="0" applyNumberFormat="1" applyFont="1" applyAlignment="1">
      <alignment vertical="center"/>
    </xf>
    <xf numFmtId="188" fontId="6" fillId="0" borderId="3" xfId="0" applyNumberFormat="1" applyFont="1" applyBorder="1" applyAlignment="1">
      <alignment vertical="center"/>
    </xf>
    <xf numFmtId="188" fontId="11" fillId="0" borderId="16" xfId="0" applyNumberFormat="1" applyFont="1" applyBorder="1" applyAlignment="1">
      <alignment vertical="center"/>
    </xf>
    <xf numFmtId="188" fontId="11" fillId="0" borderId="1" xfId="0" applyNumberFormat="1" applyFont="1" applyBorder="1" applyAlignment="1">
      <alignment vertical="center"/>
    </xf>
    <xf numFmtId="0" fontId="3" fillId="0" borderId="3" xfId="0" applyFont="1" applyBorder="1" applyAlignment="1">
      <alignment vertical="center"/>
    </xf>
    <xf numFmtId="177" fontId="11" fillId="0" borderId="0" xfId="0" applyNumberFormat="1" applyFont="1" applyAlignment="1" applyProtection="1">
      <alignment horizontal="right" vertical="center"/>
      <protection locked="0"/>
    </xf>
    <xf numFmtId="0" fontId="6" fillId="0" borderId="4" xfId="0" applyFont="1" applyBorder="1" applyAlignment="1">
      <alignment horizontal="distributed" vertical="center" justifyLastLine="1"/>
    </xf>
    <xf numFmtId="0" fontId="6" fillId="0" borderId="4" xfId="0" applyFont="1" applyBorder="1" applyAlignment="1">
      <alignment horizontal="distributed" vertical="center" wrapText="1" indent="2" shrinkToFit="1"/>
    </xf>
    <xf numFmtId="177" fontId="6" fillId="0" borderId="4" xfId="0" applyNumberFormat="1" applyFont="1" applyBorder="1" applyAlignment="1">
      <alignment horizontal="right" vertical="center"/>
    </xf>
    <xf numFmtId="177" fontId="6" fillId="0" borderId="4" xfId="0" applyNumberFormat="1" applyFont="1" applyBorder="1" applyAlignment="1" applyProtection="1">
      <alignment horizontal="right" vertical="center"/>
      <protection locked="0"/>
    </xf>
    <xf numFmtId="177" fontId="11" fillId="0" borderId="4" xfId="0" applyNumberFormat="1" applyFont="1" applyBorder="1" applyAlignment="1" applyProtection="1">
      <alignment horizontal="right" vertical="center"/>
      <protection locked="0"/>
    </xf>
    <xf numFmtId="0" fontId="6" fillId="0" borderId="16" xfId="0" applyFont="1" applyBorder="1" applyAlignment="1">
      <alignment vertical="center"/>
    </xf>
    <xf numFmtId="0" fontId="0" fillId="0" borderId="50" xfId="0" applyBorder="1" applyAlignment="1">
      <alignment vertical="center"/>
    </xf>
    <xf numFmtId="0" fontId="6" fillId="0" borderId="10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17" fillId="0" borderId="10" xfId="0" applyFont="1" applyBorder="1" applyAlignment="1">
      <alignment vertical="center"/>
    </xf>
    <xf numFmtId="0" fontId="17" fillId="0" borderId="9" xfId="0" applyFont="1" applyBorder="1" applyAlignment="1">
      <alignment vertical="center"/>
    </xf>
    <xf numFmtId="176" fontId="6" fillId="0" borderId="12" xfId="0" applyNumberFormat="1" applyFont="1" applyFill="1" applyBorder="1" applyAlignment="1">
      <alignment horizontal="right" vertical="center"/>
    </xf>
    <xf numFmtId="0" fontId="6" fillId="0" borderId="0" xfId="0" applyFont="1" applyFill="1" applyAlignment="1">
      <alignment horizontal="distributed" vertical="center"/>
    </xf>
    <xf numFmtId="176" fontId="6" fillId="0" borderId="3" xfId="0" applyNumberFormat="1" applyFont="1" applyFill="1" applyBorder="1" applyAlignment="1">
      <alignment horizontal="right" vertical="center"/>
    </xf>
    <xf numFmtId="0" fontId="3" fillId="0" borderId="0" xfId="0" applyFont="1" applyFill="1" applyAlignment="1">
      <alignment vertical="center"/>
    </xf>
    <xf numFmtId="0" fontId="6" fillId="0" borderId="0" xfId="0" applyFont="1" applyFill="1" applyAlignment="1">
      <alignment horizontal="right" vertical="center"/>
    </xf>
    <xf numFmtId="0" fontId="6" fillId="0" borderId="0" xfId="0" applyFont="1" applyFill="1" applyAlignment="1">
      <alignment horizontal="center" vertical="center"/>
    </xf>
    <xf numFmtId="0" fontId="19" fillId="0" borderId="0" xfId="0" applyFont="1" applyAlignment="1">
      <alignment vertical="center"/>
    </xf>
    <xf numFmtId="42" fontId="6" fillId="0" borderId="44" xfId="0" applyNumberFormat="1" applyFont="1" applyFill="1" applyBorder="1" applyAlignment="1">
      <alignment horizontal="right" vertical="center"/>
    </xf>
    <xf numFmtId="42" fontId="6" fillId="0" borderId="17" xfId="0" applyNumberFormat="1" applyFont="1" applyFill="1" applyBorder="1" applyAlignment="1">
      <alignment horizontal="right" vertical="center"/>
    </xf>
    <xf numFmtId="42" fontId="6" fillId="0" borderId="17" xfId="0" applyNumberFormat="1" applyFont="1" applyFill="1" applyBorder="1" applyAlignment="1" applyProtection="1">
      <alignment horizontal="right" vertical="center"/>
      <protection locked="0"/>
    </xf>
    <xf numFmtId="177" fontId="11" fillId="0" borderId="17" xfId="0" applyNumberFormat="1" applyFont="1" applyFill="1" applyBorder="1" applyAlignment="1" applyProtection="1">
      <alignment horizontal="right" vertical="center"/>
      <protection locked="0"/>
    </xf>
    <xf numFmtId="177" fontId="11" fillId="0" borderId="35" xfId="0" applyNumberFormat="1" applyFont="1" applyFill="1" applyBorder="1" applyAlignment="1" applyProtection="1">
      <alignment horizontal="right" vertical="center"/>
      <protection locked="0"/>
    </xf>
    <xf numFmtId="0" fontId="6" fillId="0" borderId="28" xfId="0" applyFont="1" applyFill="1" applyBorder="1" applyAlignment="1">
      <alignment horizontal="distributed" vertical="center" justifyLastLine="1"/>
    </xf>
    <xf numFmtId="0" fontId="6" fillId="0" borderId="29" xfId="0" applyFont="1" applyFill="1" applyBorder="1" applyAlignment="1">
      <alignment horizontal="distributed" vertical="center" justifyLastLine="1"/>
    </xf>
    <xf numFmtId="0" fontId="6" fillId="0" borderId="10" xfId="0" applyFont="1" applyFill="1" applyBorder="1" applyAlignment="1">
      <alignment horizontal="distributed" vertical="center" justifyLastLine="1"/>
    </xf>
    <xf numFmtId="42" fontId="6" fillId="0" borderId="19" xfId="0" applyNumberFormat="1" applyFont="1" applyFill="1" applyBorder="1" applyAlignment="1">
      <alignment horizontal="right" vertical="center"/>
    </xf>
    <xf numFmtId="42" fontId="6" fillId="0" borderId="0" xfId="0" applyNumberFormat="1" applyFont="1" applyFill="1" applyBorder="1" applyAlignment="1">
      <alignment horizontal="right" vertical="center"/>
    </xf>
    <xf numFmtId="42" fontId="6" fillId="0" borderId="0" xfId="0" applyNumberFormat="1" applyFont="1" applyFill="1" applyBorder="1" applyAlignment="1" applyProtection="1">
      <alignment horizontal="right" vertical="center"/>
      <protection locked="0"/>
    </xf>
    <xf numFmtId="177" fontId="11" fillId="0" borderId="0" xfId="0" applyNumberFormat="1" applyFont="1" applyFill="1" applyBorder="1" applyAlignment="1" applyProtection="1">
      <alignment horizontal="right" vertical="center"/>
      <protection locked="0"/>
    </xf>
    <xf numFmtId="177" fontId="11" fillId="0" borderId="20" xfId="0" applyNumberFormat="1" applyFont="1" applyFill="1" applyBorder="1" applyAlignment="1" applyProtection="1">
      <alignment horizontal="right" vertical="center"/>
      <protection locked="0"/>
    </xf>
    <xf numFmtId="0" fontId="6" fillId="0" borderId="0" xfId="0" applyFont="1" applyFill="1" applyAlignment="1">
      <alignment horizontal="distributed" vertical="center"/>
    </xf>
    <xf numFmtId="187" fontId="6" fillId="0" borderId="0" xfId="0" applyNumberFormat="1" applyFont="1" applyFill="1" applyAlignment="1">
      <alignment horizontal="right" vertical="center"/>
    </xf>
    <xf numFmtId="187" fontId="11" fillId="0" borderId="0" xfId="0" applyNumberFormat="1" applyFont="1" applyFill="1" applyAlignment="1">
      <alignment horizontal="right" vertical="center"/>
    </xf>
    <xf numFmtId="187" fontId="11" fillId="0" borderId="20" xfId="0" applyNumberFormat="1" applyFont="1" applyFill="1" applyBorder="1" applyAlignment="1">
      <alignment horizontal="right" vertical="center"/>
    </xf>
    <xf numFmtId="0" fontId="6" fillId="0" borderId="0" xfId="0" applyFont="1" applyFill="1" applyAlignment="1">
      <alignment horizontal="distributed" vertical="center" justifyLastLine="1"/>
    </xf>
    <xf numFmtId="0" fontId="6" fillId="0" borderId="17" xfId="0" applyFont="1" applyFill="1" applyBorder="1" applyAlignment="1">
      <alignment horizontal="distributed" vertical="center"/>
    </xf>
    <xf numFmtId="186" fontId="6" fillId="0" borderId="0" xfId="0" applyNumberFormat="1" applyFont="1" applyAlignment="1">
      <alignment horizontal="right" vertical="center"/>
    </xf>
    <xf numFmtId="193" fontId="6" fillId="0" borderId="11" xfId="0" applyNumberFormat="1" applyFont="1" applyBorder="1" applyAlignment="1">
      <alignment horizontal="right" vertical="center"/>
    </xf>
    <xf numFmtId="193" fontId="6" fillId="0" borderId="17" xfId="0" applyNumberFormat="1" applyFont="1" applyBorder="1" applyAlignment="1">
      <alignment horizontal="right" vertical="center"/>
    </xf>
    <xf numFmtId="193" fontId="6" fillId="0" borderId="12" xfId="0" applyNumberFormat="1" applyFont="1" applyBorder="1" applyAlignment="1">
      <alignment horizontal="right" vertical="center"/>
    </xf>
    <xf numFmtId="176" fontId="6" fillId="0" borderId="44" xfId="0" applyNumberFormat="1" applyFont="1" applyBorder="1" applyAlignment="1">
      <alignment horizontal="right" vertical="center"/>
    </xf>
    <xf numFmtId="176" fontId="6" fillId="0" borderId="17" xfId="0" applyNumberFormat="1" applyFont="1" applyBorder="1" applyAlignment="1">
      <alignment horizontal="right" vertical="center"/>
    </xf>
    <xf numFmtId="176" fontId="6" fillId="0" borderId="0" xfId="0" applyNumberFormat="1" applyFont="1" applyAlignment="1" applyProtection="1">
      <alignment horizontal="right" vertical="center"/>
      <protection locked="0"/>
    </xf>
    <xf numFmtId="176" fontId="6" fillId="0" borderId="17" xfId="0" applyNumberFormat="1" applyFont="1" applyBorder="1" applyAlignment="1" applyProtection="1">
      <alignment horizontal="right" vertical="center"/>
      <protection locked="0"/>
    </xf>
    <xf numFmtId="188" fontId="6" fillId="0" borderId="2" xfId="0" applyNumberFormat="1" applyFont="1" applyBorder="1" applyAlignment="1">
      <alignment horizontal="right" vertical="center"/>
    </xf>
    <xf numFmtId="188" fontId="6" fillId="0" borderId="0" xfId="0" applyNumberFormat="1" applyFont="1" applyAlignment="1">
      <alignment horizontal="right" vertical="center"/>
    </xf>
    <xf numFmtId="188" fontId="6" fillId="0" borderId="3" xfId="0" applyNumberFormat="1" applyFont="1" applyBorder="1" applyAlignment="1">
      <alignment horizontal="right" vertical="center"/>
    </xf>
    <xf numFmtId="176" fontId="6" fillId="0" borderId="19" xfId="0" applyNumberFormat="1" applyFont="1" applyBorder="1" applyAlignment="1">
      <alignment horizontal="right" vertical="center"/>
    </xf>
    <xf numFmtId="176" fontId="6" fillId="0" borderId="0" xfId="0" applyNumberFormat="1" applyFont="1" applyAlignment="1">
      <alignment horizontal="right" vertical="center"/>
    </xf>
    <xf numFmtId="186" fontId="6" fillId="0" borderId="19" xfId="0" applyNumberFormat="1" applyFont="1" applyBorder="1" applyAlignment="1">
      <alignment horizontal="right" vertical="center"/>
    </xf>
    <xf numFmtId="187" fontId="11" fillId="0" borderId="17" xfId="2" applyNumberFormat="1" applyFont="1" applyFill="1" applyBorder="1" applyAlignment="1" applyProtection="1">
      <alignment horizontal="right" vertical="center"/>
    </xf>
    <xf numFmtId="187" fontId="11" fillId="0" borderId="35" xfId="2" applyNumberFormat="1" applyFont="1" applyFill="1" applyBorder="1" applyAlignment="1" applyProtection="1">
      <alignment horizontal="right" vertical="center"/>
    </xf>
    <xf numFmtId="177" fontId="11" fillId="0" borderId="0" xfId="0" applyNumberFormat="1" applyFont="1" applyAlignment="1" applyProtection="1">
      <alignment horizontal="right" vertical="center"/>
      <protection locked="0"/>
    </xf>
    <xf numFmtId="177" fontId="11" fillId="0" borderId="20" xfId="0" applyNumberFormat="1" applyFont="1" applyBorder="1" applyAlignment="1" applyProtection="1">
      <alignment horizontal="right" vertical="center"/>
      <protection locked="0"/>
    </xf>
    <xf numFmtId="0" fontId="6" fillId="0" borderId="30" xfId="0" applyFont="1" applyBorder="1" applyAlignment="1">
      <alignment horizontal="center" vertical="distributed" textRotation="255" wrapText="1" indent="1"/>
    </xf>
    <xf numFmtId="0" fontId="6" fillId="0" borderId="36" xfId="0" applyFont="1" applyBorder="1" applyAlignment="1">
      <alignment horizontal="center" vertical="distributed" textRotation="255" wrapText="1" indent="1"/>
    </xf>
    <xf numFmtId="0" fontId="6" fillId="0" borderId="19" xfId="0" applyFont="1" applyBorder="1" applyAlignment="1">
      <alignment horizontal="center" vertical="distributed" textRotation="255" wrapText="1" indent="1"/>
    </xf>
    <xf numFmtId="0" fontId="6" fillId="0" borderId="3" xfId="0" applyFont="1" applyBorder="1" applyAlignment="1">
      <alignment horizontal="center" vertical="distributed" textRotation="255" wrapText="1" indent="1"/>
    </xf>
    <xf numFmtId="0" fontId="6" fillId="0" borderId="32" xfId="0" applyFont="1" applyBorder="1" applyAlignment="1">
      <alignment horizontal="center" vertical="distributed" textRotation="255" wrapText="1" indent="1"/>
    </xf>
    <xf numFmtId="0" fontId="6" fillId="0" borderId="13" xfId="0" applyFont="1" applyBorder="1" applyAlignment="1">
      <alignment horizontal="center" vertical="distributed" textRotation="255" wrapText="1" indent="1"/>
    </xf>
    <xf numFmtId="187" fontId="14" fillId="0" borderId="17" xfId="2" applyNumberFormat="1" applyFont="1" applyFill="1" applyBorder="1" applyAlignment="1" applyProtection="1">
      <alignment horizontal="right" vertical="center"/>
      <protection locked="0"/>
    </xf>
    <xf numFmtId="187" fontId="14" fillId="0" borderId="35" xfId="2" applyNumberFormat="1" applyFont="1" applyFill="1" applyBorder="1" applyAlignment="1" applyProtection="1">
      <alignment horizontal="right" vertical="center"/>
      <protection locked="0"/>
    </xf>
    <xf numFmtId="187" fontId="14" fillId="0" borderId="0" xfId="2" applyNumberFormat="1" applyFont="1" applyFill="1" applyBorder="1" applyAlignment="1" applyProtection="1">
      <alignment horizontal="right" vertical="center"/>
      <protection locked="0"/>
    </xf>
    <xf numFmtId="187" fontId="14" fillId="0" borderId="20" xfId="2" applyNumberFormat="1" applyFont="1" applyFill="1" applyBorder="1" applyAlignment="1" applyProtection="1">
      <alignment horizontal="right" vertical="center"/>
      <protection locked="0"/>
    </xf>
    <xf numFmtId="187" fontId="14" fillId="0" borderId="8" xfId="2" applyNumberFormat="1" applyFont="1" applyFill="1" applyBorder="1" applyAlignment="1" applyProtection="1">
      <alignment horizontal="right" vertical="center"/>
      <protection locked="0"/>
    </xf>
    <xf numFmtId="187" fontId="14" fillId="0" borderId="33" xfId="2" applyNumberFormat="1" applyFont="1" applyFill="1" applyBorder="1" applyAlignment="1" applyProtection="1">
      <alignment horizontal="right" vertical="center"/>
      <protection locked="0"/>
    </xf>
    <xf numFmtId="187" fontId="11" fillId="3" borderId="0" xfId="0" applyNumberFormat="1" applyFont="1" applyFill="1" applyAlignment="1">
      <alignment horizontal="right" vertical="center"/>
    </xf>
    <xf numFmtId="187" fontId="11" fillId="3" borderId="20" xfId="0" applyNumberFormat="1" applyFont="1" applyFill="1" applyBorder="1" applyAlignment="1">
      <alignment horizontal="right" vertical="center"/>
    </xf>
    <xf numFmtId="0" fontId="3" fillId="0" borderId="0" xfId="0" applyFont="1" applyAlignment="1">
      <alignment horizontal="right"/>
    </xf>
    <xf numFmtId="179" fontId="11" fillId="0" borderId="0" xfId="0" applyNumberFormat="1" applyFont="1" applyAlignment="1">
      <alignment horizontal="right" vertical="center"/>
    </xf>
    <xf numFmtId="179" fontId="11" fillId="0" borderId="20" xfId="0" applyNumberFormat="1" applyFont="1" applyBorder="1" applyAlignment="1">
      <alignment horizontal="right" vertical="center"/>
    </xf>
    <xf numFmtId="187" fontId="13" fillId="0" borderId="17" xfId="2" applyNumberFormat="1" applyFont="1" applyFill="1" applyBorder="1" applyAlignment="1" applyProtection="1">
      <alignment horizontal="right" vertical="center"/>
      <protection locked="0"/>
    </xf>
    <xf numFmtId="190" fontId="6" fillId="0" borderId="30" xfId="0" applyNumberFormat="1" applyFont="1" applyBorder="1" applyAlignment="1">
      <alignment horizontal="center" vertical="center"/>
    </xf>
    <xf numFmtId="190" fontId="6" fillId="0" borderId="4" xfId="0" applyNumberFormat="1" applyFont="1" applyBorder="1" applyAlignment="1">
      <alignment horizontal="center" vertical="center"/>
    </xf>
    <xf numFmtId="190" fontId="6" fillId="0" borderId="36" xfId="0" applyNumberFormat="1" applyFont="1" applyBorder="1" applyAlignment="1">
      <alignment horizontal="center" vertical="center"/>
    </xf>
    <xf numFmtId="190" fontId="6" fillId="0" borderId="32" xfId="0" applyNumberFormat="1" applyFont="1" applyBorder="1" applyAlignment="1">
      <alignment horizontal="center" vertical="center"/>
    </xf>
    <xf numFmtId="190" fontId="6" fillId="0" borderId="8" xfId="0" applyNumberFormat="1" applyFont="1" applyBorder="1" applyAlignment="1">
      <alignment horizontal="center" vertical="center"/>
    </xf>
    <xf numFmtId="190" fontId="6" fillId="0" borderId="13" xfId="0" applyNumberFormat="1" applyFont="1" applyBorder="1" applyAlignment="1">
      <alignment horizontal="center" vertical="center"/>
    </xf>
    <xf numFmtId="177" fontId="6" fillId="0" borderId="0" xfId="0" applyNumberFormat="1" applyFont="1" applyAlignment="1" applyProtection="1">
      <alignment horizontal="right" vertical="center"/>
      <protection locked="0"/>
    </xf>
    <xf numFmtId="190" fontId="11" fillId="0" borderId="4" xfId="0" applyNumberFormat="1" applyFont="1" applyBorder="1" applyAlignment="1">
      <alignment horizontal="center" vertical="center"/>
    </xf>
    <xf numFmtId="190" fontId="11" fillId="0" borderId="31" xfId="0" applyNumberFormat="1" applyFont="1" applyBorder="1" applyAlignment="1">
      <alignment horizontal="center" vertical="center"/>
    </xf>
    <xf numFmtId="190" fontId="11" fillId="0" borderId="8" xfId="0" applyNumberFormat="1" applyFont="1" applyBorder="1" applyAlignment="1">
      <alignment horizontal="center" vertical="center"/>
    </xf>
    <xf numFmtId="190" fontId="11" fillId="0" borderId="33" xfId="0" applyNumberFormat="1" applyFont="1" applyBorder="1" applyAlignment="1">
      <alignment horizontal="center" vertical="center"/>
    </xf>
    <xf numFmtId="187" fontId="11" fillId="0" borderId="1" xfId="0" applyNumberFormat="1" applyFont="1" applyBorder="1" applyAlignment="1" applyProtection="1">
      <alignment horizontal="right" vertical="center"/>
      <protection locked="0"/>
    </xf>
    <xf numFmtId="187" fontId="11" fillId="3" borderId="0" xfId="0" applyNumberFormat="1" applyFont="1" applyFill="1" applyAlignment="1" applyProtection="1">
      <alignment horizontal="right" vertical="center"/>
      <protection locked="0"/>
    </xf>
    <xf numFmtId="187" fontId="11" fillId="3" borderId="20" xfId="0" applyNumberFormat="1" applyFont="1" applyFill="1" applyBorder="1" applyAlignment="1" applyProtection="1">
      <alignment horizontal="right" vertical="center"/>
      <protection locked="0"/>
    </xf>
    <xf numFmtId="187" fontId="6" fillId="0" borderId="17" xfId="0" applyNumberFormat="1" applyFont="1" applyBorder="1" applyAlignment="1">
      <alignment horizontal="right" vertical="center"/>
    </xf>
    <xf numFmtId="187" fontId="6" fillId="0" borderId="0" xfId="0" applyNumberFormat="1" applyFont="1" applyAlignment="1">
      <alignment horizontal="right" vertical="center"/>
    </xf>
    <xf numFmtId="0" fontId="6" fillId="0" borderId="24" xfId="0" applyFont="1" applyBorder="1" applyAlignment="1">
      <alignment horizontal="center" vertical="center" justifyLastLine="1"/>
    </xf>
    <xf numFmtId="0" fontId="6" fillId="0" borderId="42" xfId="0" applyFont="1" applyBorder="1" applyAlignment="1">
      <alignment horizontal="center" vertical="center" justifyLastLine="1"/>
    </xf>
    <xf numFmtId="0" fontId="6" fillId="0" borderId="25" xfId="0" applyFont="1" applyBorder="1" applyAlignment="1">
      <alignment horizontal="center" vertical="center" justifyLastLine="1"/>
    </xf>
    <xf numFmtId="0" fontId="6" fillId="0" borderId="26" xfId="0" applyFont="1" applyBorder="1" applyAlignment="1">
      <alignment horizontal="center" vertical="center" justifyLastLine="1"/>
    </xf>
    <xf numFmtId="0" fontId="6" fillId="0" borderId="43" xfId="0" applyFont="1" applyBorder="1" applyAlignment="1">
      <alignment horizontal="center" vertical="center" justifyLastLine="1"/>
    </xf>
    <xf numFmtId="0" fontId="6" fillId="0" borderId="27" xfId="0" applyFont="1" applyBorder="1" applyAlignment="1">
      <alignment horizontal="center" vertical="center" justifyLastLine="1"/>
    </xf>
    <xf numFmtId="176" fontId="11" fillId="0" borderId="1" xfId="0" applyNumberFormat="1" applyFont="1" applyBorder="1" applyAlignment="1" applyProtection="1">
      <alignment horizontal="center" vertical="center"/>
      <protection locked="0"/>
    </xf>
    <xf numFmtId="178" fontId="6" fillId="0" borderId="37" xfId="0" applyNumberFormat="1" applyFont="1" applyBorder="1" applyAlignment="1">
      <alignment horizontal="center" vertical="center"/>
    </xf>
    <xf numFmtId="178" fontId="6" fillId="0" borderId="0" xfId="0" applyNumberFormat="1" applyFont="1" applyAlignment="1">
      <alignment horizontal="center" vertical="center"/>
    </xf>
    <xf numFmtId="176" fontId="6" fillId="0" borderId="0" xfId="0" applyNumberFormat="1" applyFont="1" applyAlignment="1" applyProtection="1">
      <alignment horizontal="center" vertical="center"/>
      <protection locked="0"/>
    </xf>
    <xf numFmtId="192" fontId="6" fillId="0" borderId="0" xfId="0" applyNumberFormat="1" applyFont="1" applyAlignment="1" applyProtection="1">
      <alignment horizontal="right" vertical="center" indent="1"/>
      <protection locked="0"/>
    </xf>
    <xf numFmtId="192" fontId="6" fillId="0" borderId="20" xfId="0" applyNumberFormat="1" applyFont="1" applyBorder="1" applyAlignment="1" applyProtection="1">
      <alignment horizontal="right" vertical="center" indent="1"/>
      <protection locked="0"/>
    </xf>
    <xf numFmtId="0" fontId="6" fillId="0" borderId="30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36" xfId="0" applyFont="1" applyBorder="1" applyAlignment="1">
      <alignment horizontal="center" vertical="center" wrapText="1"/>
    </xf>
    <xf numFmtId="0" fontId="6" fillId="0" borderId="32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13" xfId="0" applyFont="1" applyBorder="1" applyAlignment="1">
      <alignment horizontal="center" vertical="center" wrapText="1"/>
    </xf>
    <xf numFmtId="177" fontId="6" fillId="0" borderId="17" xfId="0" applyNumberFormat="1" applyFont="1" applyBorder="1" applyAlignment="1">
      <alignment vertical="center"/>
    </xf>
    <xf numFmtId="177" fontId="11" fillId="3" borderId="1" xfId="0" applyNumberFormat="1" applyFont="1" applyFill="1" applyBorder="1" applyAlignment="1" applyProtection="1">
      <alignment horizontal="right" vertical="center"/>
      <protection locked="0"/>
    </xf>
    <xf numFmtId="0" fontId="6" fillId="0" borderId="28" xfId="0" applyFont="1" applyBorder="1" applyAlignment="1">
      <alignment horizontal="center" vertical="center" wrapText="1"/>
    </xf>
    <xf numFmtId="0" fontId="6" fillId="0" borderId="2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177" fontId="6" fillId="0" borderId="35" xfId="0" applyNumberFormat="1" applyFont="1" applyBorder="1" applyAlignment="1">
      <alignment vertical="center"/>
    </xf>
    <xf numFmtId="0" fontId="6" fillId="0" borderId="28" xfId="0" applyFont="1" applyBorder="1" applyAlignment="1">
      <alignment horizontal="distributed" vertical="center" indent="4" shrinkToFit="1"/>
    </xf>
    <xf numFmtId="0" fontId="6" fillId="0" borderId="29" xfId="0" applyFont="1" applyBorder="1" applyAlignment="1">
      <alignment horizontal="distributed" vertical="center" indent="4" shrinkToFit="1"/>
    </xf>
    <xf numFmtId="0" fontId="6" fillId="0" borderId="38" xfId="0" applyFont="1" applyBorder="1" applyAlignment="1">
      <alignment horizontal="distributed" vertical="center" indent="4" shrinkToFit="1"/>
    </xf>
    <xf numFmtId="177" fontId="6" fillId="0" borderId="44" xfId="0" applyNumberFormat="1" applyFont="1" applyBorder="1" applyAlignment="1">
      <alignment vertical="center"/>
    </xf>
    <xf numFmtId="0" fontId="6" fillId="0" borderId="32" xfId="0" applyFont="1" applyBorder="1" applyAlignment="1">
      <alignment horizontal="center" vertical="center" wrapText="1" shrinkToFit="1"/>
    </xf>
    <xf numFmtId="0" fontId="6" fillId="0" borderId="33" xfId="0" applyFont="1" applyBorder="1" applyAlignment="1">
      <alignment horizontal="center" vertical="center" wrapText="1" shrinkToFit="1"/>
    </xf>
    <xf numFmtId="0" fontId="10" fillId="0" borderId="30" xfId="0" applyFont="1" applyBorder="1" applyAlignment="1">
      <alignment horizontal="center" vertical="center" wrapText="1"/>
    </xf>
    <xf numFmtId="0" fontId="10" fillId="0" borderId="36" xfId="0" applyFont="1" applyBorder="1" applyAlignment="1">
      <alignment horizontal="center" vertical="center" wrapText="1"/>
    </xf>
    <xf numFmtId="0" fontId="10" fillId="0" borderId="19" xfId="0" applyFont="1" applyBorder="1" applyAlignment="1">
      <alignment horizontal="center" vertical="center" wrapText="1"/>
    </xf>
    <xf numFmtId="0" fontId="10" fillId="0" borderId="3" xfId="0" applyFont="1" applyBorder="1" applyAlignment="1">
      <alignment horizontal="center" vertical="center" wrapText="1"/>
    </xf>
    <xf numFmtId="0" fontId="10" fillId="0" borderId="30" xfId="0" applyFont="1" applyBorder="1" applyAlignment="1">
      <alignment horizontal="center" vertical="center" wrapText="1" shrinkToFit="1"/>
    </xf>
    <xf numFmtId="0" fontId="10" fillId="0" borderId="31" xfId="0" applyFont="1" applyBorder="1" applyAlignment="1">
      <alignment horizontal="center" vertical="center" wrapText="1" shrinkToFit="1"/>
    </xf>
    <xf numFmtId="0" fontId="10" fillId="0" borderId="19" xfId="0" applyFont="1" applyBorder="1" applyAlignment="1">
      <alignment horizontal="center" vertical="center" wrapText="1" shrinkToFit="1"/>
    </xf>
    <xf numFmtId="0" fontId="10" fillId="0" borderId="20" xfId="0" applyFont="1" applyBorder="1" applyAlignment="1">
      <alignment horizontal="center" vertical="center" wrapText="1" shrinkToFit="1"/>
    </xf>
    <xf numFmtId="176" fontId="11" fillId="0" borderId="22" xfId="0" applyNumberFormat="1" applyFont="1" applyBorder="1" applyAlignment="1" applyProtection="1">
      <alignment horizontal="center" vertical="center"/>
      <protection locked="0"/>
    </xf>
    <xf numFmtId="176" fontId="6" fillId="0" borderId="23" xfId="0" applyNumberFormat="1" applyFont="1" applyBorder="1" applyAlignment="1" applyProtection="1">
      <alignment horizontal="center" vertical="center"/>
      <protection locked="0"/>
    </xf>
    <xf numFmtId="0" fontId="6" fillId="0" borderId="24" xfId="0" applyFont="1" applyBorder="1" applyAlignment="1">
      <alignment horizontal="center" vertical="center" wrapText="1" justifyLastLine="1"/>
    </xf>
    <xf numFmtId="0" fontId="6" fillId="0" borderId="25" xfId="0" applyFont="1" applyBorder="1" applyAlignment="1">
      <alignment horizontal="center" vertical="center" wrapText="1" justifyLastLine="1"/>
    </xf>
    <xf numFmtId="0" fontId="6" fillId="0" borderId="26" xfId="0" applyFont="1" applyBorder="1" applyAlignment="1">
      <alignment horizontal="center" vertical="center" wrapText="1" justifyLastLine="1"/>
    </xf>
    <xf numFmtId="0" fontId="6" fillId="0" borderId="27" xfId="0" applyFont="1" applyBorder="1" applyAlignment="1">
      <alignment horizontal="center" vertical="center" wrapText="1" justifyLastLine="1"/>
    </xf>
    <xf numFmtId="192" fontId="11" fillId="3" borderId="1" xfId="0" applyNumberFormat="1" applyFont="1" applyFill="1" applyBorder="1" applyAlignment="1" applyProtection="1">
      <alignment horizontal="right" vertical="center" indent="1"/>
      <protection locked="0"/>
    </xf>
    <xf numFmtId="176" fontId="6" fillId="0" borderId="21" xfId="0" applyNumberFormat="1" applyFont="1" applyBorder="1" applyAlignment="1" applyProtection="1">
      <alignment horizontal="center" vertical="center"/>
      <protection locked="0"/>
    </xf>
    <xf numFmtId="187" fontId="13" fillId="0" borderId="0" xfId="2" applyNumberFormat="1" applyFont="1" applyFill="1" applyBorder="1" applyAlignment="1" applyProtection="1">
      <alignment horizontal="right" vertical="center"/>
    </xf>
    <xf numFmtId="187" fontId="3" fillId="0" borderId="0" xfId="0" applyNumberFormat="1" applyFont="1" applyAlignment="1">
      <alignment horizontal="right" vertical="center"/>
    </xf>
    <xf numFmtId="187" fontId="6" fillId="0" borderId="20" xfId="0" applyNumberFormat="1" applyFont="1" applyBorder="1" applyAlignment="1">
      <alignment horizontal="right" vertical="center"/>
    </xf>
    <xf numFmtId="187" fontId="6" fillId="0" borderId="0" xfId="0" applyNumberFormat="1" applyFont="1" applyAlignment="1" applyProtection="1">
      <alignment horizontal="right" vertical="center"/>
      <protection locked="0"/>
    </xf>
    <xf numFmtId="187" fontId="17" fillId="0" borderId="0" xfId="0" applyNumberFormat="1" applyFont="1" applyAlignment="1">
      <alignment horizontal="right" vertical="center"/>
    </xf>
    <xf numFmtId="177" fontId="11" fillId="0" borderId="0" xfId="0" applyNumberFormat="1" applyFont="1" applyBorder="1" applyAlignment="1" applyProtection="1">
      <alignment horizontal="right" vertical="center"/>
      <protection locked="0"/>
    </xf>
    <xf numFmtId="187" fontId="11" fillId="0" borderId="18" xfId="0" applyNumberFormat="1" applyFont="1" applyBorder="1" applyAlignment="1" applyProtection="1">
      <alignment horizontal="right" vertical="center"/>
      <protection locked="0"/>
    </xf>
    <xf numFmtId="187" fontId="13" fillId="0" borderId="17" xfId="2" applyNumberFormat="1" applyFont="1" applyFill="1" applyBorder="1" applyAlignment="1" applyProtection="1">
      <alignment horizontal="right" vertical="center"/>
    </xf>
    <xf numFmtId="187" fontId="13" fillId="0" borderId="0" xfId="2" applyNumberFormat="1" applyFont="1" applyFill="1" applyBorder="1" applyAlignment="1" applyProtection="1">
      <alignment horizontal="right" vertical="center"/>
      <protection locked="0"/>
    </xf>
    <xf numFmtId="187" fontId="6" fillId="0" borderId="8" xfId="2" applyNumberFormat="1" applyFont="1" applyFill="1" applyBorder="1" applyAlignment="1" applyProtection="1">
      <alignment horizontal="right" vertical="center"/>
    </xf>
    <xf numFmtId="187" fontId="13" fillId="0" borderId="8" xfId="2" applyNumberFormat="1" applyFont="1" applyFill="1" applyBorder="1" applyAlignment="1" applyProtection="1">
      <alignment horizontal="right" vertical="center"/>
      <protection locked="0"/>
    </xf>
    <xf numFmtId="186" fontId="17" fillId="0" borderId="0" xfId="0" applyNumberFormat="1" applyFont="1" applyAlignment="1" applyProtection="1">
      <alignment horizontal="center" vertical="center"/>
      <protection locked="0"/>
    </xf>
    <xf numFmtId="182" fontId="6" fillId="0" borderId="0" xfId="2" applyNumberFormat="1" applyFont="1" applyFill="1" applyBorder="1" applyAlignment="1" applyProtection="1">
      <alignment horizontal="right" vertical="center"/>
    </xf>
    <xf numFmtId="182" fontId="11" fillId="0" borderId="1" xfId="2" applyNumberFormat="1" applyFont="1" applyFill="1" applyBorder="1" applyAlignment="1" applyProtection="1">
      <alignment horizontal="right" vertical="center"/>
      <protection locked="0"/>
    </xf>
    <xf numFmtId="177" fontId="6" fillId="0" borderId="20" xfId="0" applyNumberFormat="1" applyFont="1" applyBorder="1" applyAlignment="1" applyProtection="1">
      <alignment horizontal="right" vertical="center"/>
      <protection locked="0"/>
    </xf>
    <xf numFmtId="0" fontId="6" fillId="0" borderId="30" xfId="0" applyFont="1" applyBorder="1" applyAlignment="1">
      <alignment horizontal="distributed" vertical="center" justifyLastLine="1"/>
    </xf>
    <xf numFmtId="0" fontId="6" fillId="0" borderId="4" xfId="0" applyFont="1" applyBorder="1" applyAlignment="1">
      <alignment horizontal="distributed" vertical="center" justifyLastLine="1"/>
    </xf>
    <xf numFmtId="0" fontId="6" fillId="0" borderId="36" xfId="0" applyFont="1" applyBorder="1" applyAlignment="1">
      <alignment horizontal="distributed" vertical="center" justifyLastLine="1"/>
    </xf>
    <xf numFmtId="0" fontId="6" fillId="0" borderId="32" xfId="0" applyFont="1" applyBorder="1" applyAlignment="1">
      <alignment horizontal="distributed" vertical="center" justifyLastLine="1"/>
    </xf>
    <xf numFmtId="0" fontId="6" fillId="0" borderId="8" xfId="0" applyFont="1" applyBorder="1" applyAlignment="1">
      <alignment horizontal="distributed" vertical="center" justifyLastLine="1"/>
    </xf>
    <xf numFmtId="0" fontId="6" fillId="0" borderId="13" xfId="0" applyFont="1" applyBorder="1" applyAlignment="1">
      <alignment horizontal="distributed" vertical="center" justifyLastLine="1"/>
    </xf>
    <xf numFmtId="182" fontId="6" fillId="0" borderId="0" xfId="2" applyNumberFormat="1" applyFont="1" applyFill="1" applyBorder="1" applyAlignment="1" applyProtection="1">
      <alignment horizontal="right" vertical="center"/>
      <protection locked="0"/>
    </xf>
    <xf numFmtId="0" fontId="6" fillId="0" borderId="30" xfId="0" applyFont="1" applyBorder="1" applyAlignment="1">
      <alignment horizontal="center" vertical="center" shrinkToFit="1"/>
    </xf>
    <xf numFmtId="0" fontId="6" fillId="0" borderId="4" xfId="0" applyFont="1" applyBorder="1" applyAlignment="1">
      <alignment horizontal="center" vertical="center" shrinkToFit="1"/>
    </xf>
    <xf numFmtId="0" fontId="6" fillId="0" borderId="36" xfId="0" applyFont="1" applyBorder="1" applyAlignment="1">
      <alignment horizontal="center" vertical="center" shrinkToFit="1"/>
    </xf>
    <xf numFmtId="0" fontId="6" fillId="0" borderId="32" xfId="0" applyFont="1" applyBorder="1" applyAlignment="1">
      <alignment horizontal="center" vertical="center" shrinkToFit="1"/>
    </xf>
    <xf numFmtId="0" fontId="6" fillId="0" borderId="8" xfId="0" applyFont="1" applyBorder="1" applyAlignment="1">
      <alignment horizontal="center" vertical="center" shrinkToFit="1"/>
    </xf>
    <xf numFmtId="0" fontId="6" fillId="0" borderId="13" xfId="0" applyFont="1" applyBorder="1" applyAlignment="1">
      <alignment horizontal="center" vertical="center" shrinkToFit="1"/>
    </xf>
    <xf numFmtId="0" fontId="6" fillId="0" borderId="30" xfId="0" applyFont="1" applyBorder="1" applyAlignment="1">
      <alignment horizontal="distributed" vertical="center" indent="2"/>
    </xf>
    <xf numFmtId="0" fontId="6" fillId="0" borderId="4" xfId="0" applyFont="1" applyBorder="1" applyAlignment="1">
      <alignment horizontal="distributed" vertical="center" indent="2"/>
    </xf>
    <xf numFmtId="0" fontId="6" fillId="0" borderId="31" xfId="0" applyFont="1" applyBorder="1" applyAlignment="1">
      <alignment horizontal="distributed" vertical="center" indent="2"/>
    </xf>
    <xf numFmtId="0" fontId="6" fillId="0" borderId="32" xfId="0" applyFont="1" applyBorder="1" applyAlignment="1">
      <alignment horizontal="distributed" vertical="center" indent="2"/>
    </xf>
    <xf numFmtId="0" fontId="6" fillId="0" borderId="8" xfId="0" applyFont="1" applyBorder="1" applyAlignment="1">
      <alignment horizontal="distributed" vertical="center" indent="2"/>
    </xf>
    <xf numFmtId="0" fontId="6" fillId="0" borderId="33" xfId="0" applyFont="1" applyBorder="1" applyAlignment="1">
      <alignment horizontal="distributed" vertical="center" indent="2"/>
    </xf>
    <xf numFmtId="177" fontId="11" fillId="0" borderId="34" xfId="0" applyNumberFormat="1" applyFont="1" applyBorder="1" applyAlignment="1" applyProtection="1">
      <alignment horizontal="right" vertical="center"/>
      <protection locked="0"/>
    </xf>
    <xf numFmtId="177" fontId="11" fillId="0" borderId="1" xfId="0" applyNumberFormat="1" applyFont="1" applyBorder="1" applyAlignment="1" applyProtection="1">
      <alignment horizontal="right" vertical="center"/>
      <protection locked="0"/>
    </xf>
    <xf numFmtId="186" fontId="6" fillId="0" borderId="17" xfId="0" applyNumberFormat="1" applyFont="1" applyBorder="1" applyAlignment="1">
      <alignment horizontal="center" vertical="center"/>
    </xf>
    <xf numFmtId="182" fontId="6" fillId="0" borderId="20" xfId="2" applyNumberFormat="1" applyFont="1" applyFill="1" applyBorder="1" applyAlignment="1" applyProtection="1">
      <alignment horizontal="right" vertical="center"/>
    </xf>
    <xf numFmtId="177" fontId="11" fillId="0" borderId="18" xfId="0" applyNumberFormat="1" applyFont="1" applyBorder="1" applyAlignment="1" applyProtection="1">
      <alignment horizontal="right" vertical="center"/>
      <protection locked="0"/>
    </xf>
    <xf numFmtId="0" fontId="6" fillId="0" borderId="30" xfId="0" applyFont="1" applyBorder="1" applyAlignment="1">
      <alignment horizontal="distributed" vertical="center" indent="1"/>
    </xf>
    <xf numFmtId="0" fontId="6" fillId="0" borderId="4" xfId="0" applyFont="1" applyBorder="1" applyAlignment="1">
      <alignment horizontal="distributed" vertical="center" indent="1"/>
    </xf>
    <xf numFmtId="0" fontId="6" fillId="0" borderId="36" xfId="0" applyFont="1" applyBorder="1" applyAlignment="1">
      <alignment horizontal="distributed" vertical="center" indent="1"/>
    </xf>
    <xf numFmtId="0" fontId="6" fillId="0" borderId="32" xfId="0" applyFont="1" applyBorder="1" applyAlignment="1">
      <alignment horizontal="distributed" vertical="center" indent="1"/>
    </xf>
    <xf numFmtId="0" fontId="6" fillId="0" borderId="8" xfId="0" applyFont="1" applyBorder="1" applyAlignment="1">
      <alignment horizontal="distributed" vertical="center" indent="1"/>
    </xf>
    <xf numFmtId="0" fontId="6" fillId="0" borderId="13" xfId="0" applyFont="1" applyBorder="1" applyAlignment="1">
      <alignment horizontal="distributed" vertical="center" indent="1"/>
    </xf>
    <xf numFmtId="182" fontId="11" fillId="0" borderId="34" xfId="2" applyNumberFormat="1" applyFont="1" applyFill="1" applyBorder="1" applyAlignment="1" applyProtection="1">
      <alignment horizontal="right" vertical="center"/>
    </xf>
    <xf numFmtId="182" fontId="11" fillId="0" borderId="1" xfId="2" applyNumberFormat="1" applyFont="1" applyFill="1" applyBorder="1" applyAlignment="1" applyProtection="1">
      <alignment horizontal="right" vertical="center"/>
    </xf>
    <xf numFmtId="192" fontId="11" fillId="3" borderId="18" xfId="0" applyNumberFormat="1" applyFont="1" applyFill="1" applyBorder="1" applyAlignment="1" applyProtection="1">
      <alignment horizontal="right" vertical="center" indent="1"/>
      <protection locked="0"/>
    </xf>
    <xf numFmtId="176" fontId="6" fillId="0" borderId="45" xfId="0" applyNumberFormat="1" applyFont="1" applyBorder="1" applyAlignment="1" applyProtection="1">
      <alignment horizontal="center" vertical="center"/>
      <protection locked="0"/>
    </xf>
    <xf numFmtId="0" fontId="6" fillId="0" borderId="24" xfId="0" applyFont="1" applyBorder="1" applyAlignment="1">
      <alignment horizontal="center" vertical="center" wrapText="1" shrinkToFit="1"/>
    </xf>
    <xf numFmtId="0" fontId="6" fillId="0" borderId="42" xfId="0" applyFont="1" applyBorder="1" applyAlignment="1">
      <alignment horizontal="center" vertical="center" shrinkToFit="1"/>
    </xf>
    <xf numFmtId="0" fontId="6" fillId="0" borderId="25" xfId="0" applyFont="1" applyBorder="1" applyAlignment="1">
      <alignment horizontal="center" vertical="center" shrinkToFit="1"/>
    </xf>
    <xf numFmtId="0" fontId="6" fillId="0" borderId="26" xfId="0" applyFont="1" applyBorder="1" applyAlignment="1">
      <alignment horizontal="center" vertical="center" shrinkToFit="1"/>
    </xf>
    <xf numFmtId="0" fontId="6" fillId="0" borderId="43" xfId="0" applyFont="1" applyBorder="1" applyAlignment="1">
      <alignment horizontal="center" vertical="center" shrinkToFit="1"/>
    </xf>
    <xf numFmtId="0" fontId="6" fillId="0" borderId="27" xfId="0" applyFont="1" applyBorder="1" applyAlignment="1">
      <alignment horizontal="center" vertical="center" shrinkToFit="1"/>
    </xf>
    <xf numFmtId="0" fontId="6" fillId="0" borderId="42" xfId="0" applyFont="1" applyBorder="1" applyAlignment="1">
      <alignment horizontal="center" vertical="center" wrapText="1" justifyLastLine="1"/>
    </xf>
    <xf numFmtId="0" fontId="6" fillId="0" borderId="47" xfId="0" applyFont="1" applyBorder="1" applyAlignment="1">
      <alignment horizontal="center" vertical="center" wrapText="1" justifyLastLine="1"/>
    </xf>
    <xf numFmtId="0" fontId="6" fillId="0" borderId="43" xfId="0" applyFont="1" applyBorder="1" applyAlignment="1">
      <alignment horizontal="center" vertical="center" wrapText="1" justifyLastLine="1"/>
    </xf>
    <xf numFmtId="0" fontId="6" fillId="0" borderId="48" xfId="0" applyFont="1" applyBorder="1" applyAlignment="1">
      <alignment horizontal="center" vertical="center" wrapText="1" justifyLastLine="1"/>
    </xf>
    <xf numFmtId="177" fontId="11" fillId="3" borderId="18" xfId="0" applyNumberFormat="1" applyFont="1" applyFill="1" applyBorder="1" applyAlignment="1" applyProtection="1">
      <alignment horizontal="right" vertical="center"/>
      <protection locked="0"/>
    </xf>
    <xf numFmtId="179" fontId="6" fillId="0" borderId="0" xfId="0" applyNumberFormat="1" applyFont="1" applyAlignment="1" applyProtection="1">
      <alignment vertical="center"/>
      <protection locked="0"/>
    </xf>
    <xf numFmtId="177" fontId="6" fillId="0" borderId="0" xfId="0" applyNumberFormat="1" applyFont="1" applyAlignment="1" applyProtection="1">
      <alignment vertical="center"/>
      <protection locked="0"/>
    </xf>
    <xf numFmtId="177" fontId="6" fillId="0" borderId="19" xfId="0" applyNumberFormat="1" applyFont="1" applyBorder="1" applyAlignment="1" applyProtection="1">
      <alignment vertical="center"/>
      <protection locked="0"/>
    </xf>
    <xf numFmtId="0" fontId="6" fillId="0" borderId="30" xfId="0" applyFont="1" applyBorder="1" applyAlignment="1">
      <alignment horizontal="center" vertical="center" wrapText="1" shrinkToFit="1"/>
    </xf>
    <xf numFmtId="0" fontId="6" fillId="0" borderId="4" xfId="0" applyFont="1" applyBorder="1" applyAlignment="1">
      <alignment horizontal="center" vertical="center" wrapText="1" shrinkToFit="1"/>
    </xf>
    <xf numFmtId="0" fontId="6" fillId="0" borderId="36" xfId="0" applyFont="1" applyBorder="1" applyAlignment="1">
      <alignment horizontal="center" vertical="center" wrapText="1" shrinkToFit="1"/>
    </xf>
    <xf numFmtId="0" fontId="6" fillId="0" borderId="8" xfId="0" applyFont="1" applyBorder="1" applyAlignment="1">
      <alignment horizontal="center" vertical="center" wrapText="1" shrinkToFit="1"/>
    </xf>
    <xf numFmtId="0" fontId="6" fillId="0" borderId="13" xfId="0" applyFont="1" applyBorder="1" applyAlignment="1">
      <alignment horizontal="center" vertical="center" wrapText="1" shrinkToFit="1"/>
    </xf>
    <xf numFmtId="177" fontId="6" fillId="0" borderId="0" xfId="0" applyNumberFormat="1" applyFont="1" applyAlignment="1">
      <alignment horizontal="right" vertical="center"/>
    </xf>
    <xf numFmtId="0" fontId="6" fillId="0" borderId="28" xfId="0" applyFont="1" applyBorder="1" applyAlignment="1">
      <alignment horizontal="center" vertical="center" shrinkToFit="1"/>
    </xf>
    <xf numFmtId="0" fontId="6" fillId="0" borderId="29" xfId="0" applyFont="1" applyBorder="1" applyAlignment="1">
      <alignment horizontal="center" vertical="center" shrinkToFit="1"/>
    </xf>
    <xf numFmtId="0" fontId="6" fillId="0" borderId="10" xfId="0" applyFont="1" applyBorder="1" applyAlignment="1">
      <alignment horizontal="center" vertical="center" shrinkToFit="1"/>
    </xf>
    <xf numFmtId="177" fontId="6" fillId="0" borderId="20" xfId="0" applyNumberFormat="1" applyFont="1" applyBorder="1" applyAlignment="1" applyProtection="1">
      <alignment vertical="center"/>
      <protection locked="0"/>
    </xf>
    <xf numFmtId="0" fontId="6" fillId="0" borderId="44" xfId="0" applyFont="1" applyBorder="1" applyAlignment="1">
      <alignment horizontal="center" vertical="center" wrapText="1" shrinkToFit="1"/>
    </xf>
    <xf numFmtId="0" fontId="6" fillId="0" borderId="17" xfId="0" applyFont="1" applyBorder="1" applyAlignment="1">
      <alignment horizontal="center" vertical="center" wrapText="1" shrinkToFit="1"/>
    </xf>
    <xf numFmtId="0" fontId="6" fillId="0" borderId="12" xfId="0" applyFont="1" applyBorder="1" applyAlignment="1">
      <alignment horizontal="center" vertical="center" wrapText="1" shrinkToFit="1"/>
    </xf>
    <xf numFmtId="0" fontId="6" fillId="0" borderId="36" xfId="0" applyFont="1" applyBorder="1" applyAlignment="1">
      <alignment horizontal="distributed" vertical="center" indent="2"/>
    </xf>
    <xf numFmtId="0" fontId="6" fillId="0" borderId="13" xfId="0" applyFont="1" applyBorder="1" applyAlignment="1">
      <alignment horizontal="distributed" vertical="center" indent="2"/>
    </xf>
    <xf numFmtId="190" fontId="6" fillId="0" borderId="11" xfId="0" applyNumberFormat="1" applyFont="1" applyBorder="1" applyAlignment="1">
      <alignment horizontal="right" vertical="center" indent="1"/>
    </xf>
    <xf numFmtId="190" fontId="6" fillId="0" borderId="17" xfId="0" applyNumberFormat="1" applyFont="1" applyBorder="1" applyAlignment="1">
      <alignment horizontal="right" vertical="center" indent="1"/>
    </xf>
    <xf numFmtId="190" fontId="6" fillId="0" borderId="12" xfId="0" applyNumberFormat="1" applyFont="1" applyBorder="1" applyAlignment="1">
      <alignment horizontal="right" vertical="center" indent="1"/>
    </xf>
    <xf numFmtId="0" fontId="6" fillId="0" borderId="7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6" fillId="0" borderId="13" xfId="0" applyFont="1" applyBorder="1" applyAlignment="1">
      <alignment horizontal="left" vertical="center"/>
    </xf>
    <xf numFmtId="0" fontId="6" fillId="0" borderId="49" xfId="0" applyFont="1" applyBorder="1" applyAlignment="1">
      <alignment horizontal="right" vertical="center"/>
    </xf>
    <xf numFmtId="0" fontId="6" fillId="0" borderId="4" xfId="0" applyFont="1" applyBorder="1" applyAlignment="1">
      <alignment horizontal="right" vertical="center"/>
    </xf>
    <xf numFmtId="0" fontId="6" fillId="0" borderId="36" xfId="0" applyFont="1" applyBorder="1" applyAlignment="1">
      <alignment horizontal="right" vertical="center"/>
    </xf>
    <xf numFmtId="0" fontId="6" fillId="0" borderId="2" xfId="0" applyFont="1" applyBorder="1" applyAlignment="1">
      <alignment horizontal="right" vertical="center"/>
    </xf>
    <xf numFmtId="0" fontId="6" fillId="0" borderId="0" xfId="0" applyFont="1" applyAlignment="1">
      <alignment horizontal="right" vertical="center"/>
    </xf>
    <xf numFmtId="0" fontId="6" fillId="0" borderId="3" xfId="0" applyFont="1" applyBorder="1" applyAlignment="1">
      <alignment horizontal="right" vertical="center"/>
    </xf>
    <xf numFmtId="183" fontId="6" fillId="0" borderId="2" xfId="0" applyNumberFormat="1" applyFont="1" applyBorder="1" applyAlignment="1">
      <alignment horizontal="right" vertical="center" indent="1"/>
    </xf>
    <xf numFmtId="183" fontId="6" fillId="0" borderId="0" xfId="0" applyNumberFormat="1" applyFont="1" applyAlignment="1">
      <alignment horizontal="right" vertical="center" indent="1"/>
    </xf>
    <xf numFmtId="183" fontId="6" fillId="0" borderId="3" xfId="0" applyNumberFormat="1" applyFont="1" applyBorder="1" applyAlignment="1">
      <alignment horizontal="right" vertical="center" indent="1"/>
    </xf>
    <xf numFmtId="177" fontId="6" fillId="0" borderId="19" xfId="0" applyNumberFormat="1" applyFont="1" applyBorder="1" applyAlignment="1">
      <alignment horizontal="right" vertical="center"/>
    </xf>
    <xf numFmtId="177" fontId="11" fillId="3" borderId="1" xfId="0" applyNumberFormat="1" applyFont="1" applyFill="1" applyBorder="1" applyAlignment="1" applyProtection="1">
      <alignment vertical="center"/>
      <protection locked="0"/>
    </xf>
    <xf numFmtId="183" fontId="11" fillId="0" borderId="16" xfId="0" applyNumberFormat="1" applyFont="1" applyBorder="1" applyAlignment="1">
      <alignment horizontal="right" vertical="center" indent="1"/>
    </xf>
    <xf numFmtId="183" fontId="11" fillId="0" borderId="1" xfId="0" applyNumberFormat="1" applyFont="1" applyBorder="1" applyAlignment="1">
      <alignment horizontal="right" vertical="center" indent="1"/>
    </xf>
    <xf numFmtId="183" fontId="11" fillId="0" borderId="50" xfId="0" applyNumberFormat="1" applyFont="1" applyBorder="1" applyAlignment="1">
      <alignment horizontal="right" vertical="center" indent="1"/>
    </xf>
    <xf numFmtId="177" fontId="6" fillId="0" borderId="20" xfId="0" applyNumberFormat="1" applyFont="1" applyBorder="1" applyAlignment="1">
      <alignment horizontal="right" vertical="center"/>
    </xf>
    <xf numFmtId="0" fontId="6" fillId="0" borderId="28" xfId="0" applyFont="1" applyBorder="1" applyAlignment="1">
      <alignment horizontal="distributed" vertical="center" justifyLastLine="1" shrinkToFit="1"/>
    </xf>
    <xf numFmtId="0" fontId="6" fillId="0" borderId="29" xfId="0" applyFont="1" applyBorder="1" applyAlignment="1">
      <alignment horizontal="distributed" vertical="center" justifyLastLine="1" shrinkToFit="1"/>
    </xf>
    <xf numFmtId="0" fontId="6" fillId="0" borderId="38" xfId="0" applyFont="1" applyBorder="1" applyAlignment="1">
      <alignment horizontal="distributed" vertical="center" justifyLastLine="1" shrinkToFit="1"/>
    </xf>
    <xf numFmtId="0" fontId="6" fillId="0" borderId="10" xfId="0" applyFont="1" applyBorder="1" applyAlignment="1">
      <alignment horizontal="distributed" vertical="center" justifyLastLine="1" shrinkToFit="1"/>
    </xf>
    <xf numFmtId="179" fontId="11" fillId="3" borderId="1" xfId="0" applyNumberFormat="1" applyFont="1" applyFill="1" applyBorder="1" applyAlignment="1" applyProtection="1">
      <alignment vertical="center"/>
      <protection locked="0"/>
    </xf>
    <xf numFmtId="177" fontId="11" fillId="3" borderId="18" xfId="0" applyNumberFormat="1" applyFont="1" applyFill="1" applyBorder="1" applyAlignment="1" applyProtection="1">
      <alignment vertical="center"/>
      <protection locked="0"/>
    </xf>
    <xf numFmtId="0" fontId="6" fillId="0" borderId="39" xfId="0" applyFont="1" applyBorder="1" applyAlignment="1">
      <alignment horizontal="distributed" vertical="center" indent="2" shrinkToFit="1"/>
    </xf>
    <xf numFmtId="0" fontId="6" fillId="0" borderId="40" xfId="0" applyFont="1" applyBorder="1" applyAlignment="1">
      <alignment horizontal="distributed" vertical="center" indent="2" shrinkToFit="1"/>
    </xf>
    <xf numFmtId="0" fontId="6" fillId="0" borderId="41" xfId="0" applyFont="1" applyBorder="1" applyAlignment="1">
      <alignment horizontal="distributed" vertical="center" indent="2" shrinkToFit="1"/>
    </xf>
    <xf numFmtId="177" fontId="11" fillId="3" borderId="34" xfId="0" applyNumberFormat="1" applyFont="1" applyFill="1" applyBorder="1" applyAlignment="1" applyProtection="1">
      <alignment vertical="center"/>
      <protection locked="0"/>
    </xf>
    <xf numFmtId="179" fontId="6" fillId="0" borderId="17" xfId="0" applyNumberFormat="1" applyFont="1" applyBorder="1" applyAlignment="1">
      <alignment vertical="center"/>
    </xf>
    <xf numFmtId="177" fontId="6" fillId="0" borderId="17" xfId="0" applyNumberFormat="1" applyFont="1" applyBorder="1" applyAlignment="1">
      <alignment horizontal="right" vertical="center"/>
    </xf>
    <xf numFmtId="177" fontId="6" fillId="0" borderId="35" xfId="0" applyNumberFormat="1" applyFont="1" applyBorder="1" applyAlignment="1">
      <alignment horizontal="right" vertical="center"/>
    </xf>
    <xf numFmtId="177" fontId="17" fillId="0" borderId="0" xfId="0" applyNumberFormat="1" applyFont="1" applyAlignment="1" applyProtection="1">
      <alignment horizontal="right" vertical="center"/>
      <protection locked="0"/>
    </xf>
    <xf numFmtId="177" fontId="17" fillId="0" borderId="20" xfId="0" applyNumberFormat="1" applyFont="1" applyBorder="1" applyAlignment="1" applyProtection="1">
      <alignment horizontal="right" vertical="center"/>
      <protection locked="0"/>
    </xf>
    <xf numFmtId="187" fontId="11" fillId="0" borderId="8" xfId="2" applyNumberFormat="1" applyFont="1" applyFill="1" applyBorder="1" applyAlignment="1" applyProtection="1">
      <alignment horizontal="right" vertical="center"/>
      <protection locked="0"/>
    </xf>
    <xf numFmtId="187" fontId="11" fillId="0" borderId="33" xfId="2" applyNumberFormat="1" applyFont="1" applyFill="1" applyBorder="1" applyAlignment="1" applyProtection="1">
      <alignment horizontal="right" vertical="center"/>
      <protection locked="0"/>
    </xf>
    <xf numFmtId="188" fontId="11" fillId="0" borderId="2" xfId="0" applyNumberFormat="1" applyFont="1" applyBorder="1" applyAlignment="1">
      <alignment horizontal="right" vertical="center"/>
    </xf>
    <xf numFmtId="188" fontId="11" fillId="0" borderId="0" xfId="0" applyNumberFormat="1" applyFont="1" applyAlignment="1">
      <alignment horizontal="right" vertical="center"/>
    </xf>
    <xf numFmtId="188" fontId="11" fillId="0" borderId="3" xfId="0" applyNumberFormat="1" applyFont="1" applyBorder="1" applyAlignment="1">
      <alignment horizontal="right" vertical="center"/>
    </xf>
    <xf numFmtId="0" fontId="6" fillId="0" borderId="51" xfId="0" applyFont="1" applyBorder="1" applyAlignment="1">
      <alignment horizontal="distributed" vertical="center" wrapText="1" indent="1" justifyLastLine="1"/>
    </xf>
    <xf numFmtId="0" fontId="6" fillId="0" borderId="52" xfId="0" applyFont="1" applyBorder="1" applyAlignment="1">
      <alignment horizontal="distributed" vertical="center" wrapText="1" indent="1" justifyLastLine="1"/>
    </xf>
    <xf numFmtId="0" fontId="6" fillId="0" borderId="53" xfId="0" applyFont="1" applyBorder="1" applyAlignment="1">
      <alignment horizontal="distributed" vertical="center" wrapText="1" indent="1" justifyLastLine="1"/>
    </xf>
    <xf numFmtId="189" fontId="6" fillId="0" borderId="0" xfId="0" applyNumberFormat="1" applyFont="1" applyAlignment="1">
      <alignment horizontal="right" vertical="center"/>
    </xf>
    <xf numFmtId="187" fontId="6" fillId="0" borderId="19" xfId="0" applyNumberFormat="1" applyFont="1" applyBorder="1" applyAlignment="1">
      <alignment horizontal="right" vertical="center"/>
    </xf>
    <xf numFmtId="0" fontId="6" fillId="0" borderId="9" xfId="0" applyFont="1" applyBorder="1" applyAlignment="1">
      <alignment horizontal="distributed" vertical="center" wrapText="1" indent="1" justifyLastLine="1"/>
    </xf>
    <xf numFmtId="0" fontId="6" fillId="0" borderId="29" xfId="0" applyFont="1" applyBorder="1" applyAlignment="1">
      <alignment horizontal="distributed" vertical="center" wrapText="1" indent="1" justifyLastLine="1"/>
    </xf>
    <xf numFmtId="0" fontId="6" fillId="0" borderId="10" xfId="0" applyFont="1" applyBorder="1" applyAlignment="1">
      <alignment horizontal="distributed" vertical="center" wrapText="1" indent="1" justifyLastLine="1"/>
    </xf>
    <xf numFmtId="187" fontId="17" fillId="0" borderId="19" xfId="2" applyNumberFormat="1" applyFont="1" applyFill="1" applyBorder="1" applyAlignment="1" applyProtection="1">
      <alignment horizontal="right" vertical="center"/>
      <protection locked="0"/>
    </xf>
    <xf numFmtId="187" fontId="17" fillId="0" borderId="0" xfId="2" applyNumberFormat="1" applyFont="1" applyFill="1" applyBorder="1" applyAlignment="1" applyProtection="1">
      <alignment horizontal="right" vertical="center"/>
      <protection locked="0"/>
    </xf>
    <xf numFmtId="187" fontId="11" fillId="0" borderId="34" xfId="2" applyNumberFormat="1" applyFont="1" applyFill="1" applyBorder="1" applyAlignment="1" applyProtection="1">
      <alignment horizontal="right" vertical="center"/>
      <protection locked="0"/>
    </xf>
    <xf numFmtId="187" fontId="11" fillId="0" borderId="1" xfId="2" applyNumberFormat="1" applyFont="1" applyFill="1" applyBorder="1" applyAlignment="1" applyProtection="1">
      <alignment horizontal="right" vertical="center"/>
      <protection locked="0"/>
    </xf>
    <xf numFmtId="189" fontId="6" fillId="0" borderId="17" xfId="0" applyNumberFormat="1" applyFont="1" applyBorder="1" applyAlignment="1">
      <alignment horizontal="right" vertical="center"/>
    </xf>
    <xf numFmtId="184" fontId="6" fillId="0" borderId="28" xfId="0" applyNumberFormat="1" applyFont="1" applyBorder="1" applyAlignment="1">
      <alignment horizontal="center" vertical="center"/>
    </xf>
    <xf numFmtId="184" fontId="6" fillId="0" borderId="29" xfId="0" applyNumberFormat="1" applyFont="1" applyBorder="1" applyAlignment="1">
      <alignment horizontal="center" vertical="center"/>
    </xf>
    <xf numFmtId="184" fontId="6" fillId="0" borderId="10" xfId="0" applyNumberFormat="1" applyFont="1" applyBorder="1" applyAlignment="1">
      <alignment horizontal="center" vertical="center"/>
    </xf>
    <xf numFmtId="176" fontId="16" fillId="0" borderId="0" xfId="0" applyNumberFormat="1" applyFont="1" applyAlignment="1" applyProtection="1">
      <alignment horizontal="right" vertical="center"/>
      <protection locked="0"/>
    </xf>
    <xf numFmtId="187" fontId="6" fillId="0" borderId="34" xfId="0" applyNumberFormat="1" applyFont="1" applyBorder="1" applyAlignment="1">
      <alignment horizontal="right" vertical="center"/>
    </xf>
    <xf numFmtId="187" fontId="6" fillId="0" borderId="1" xfId="0" applyNumberFormat="1" applyFont="1" applyBorder="1" applyAlignment="1">
      <alignment horizontal="right" vertical="center"/>
    </xf>
    <xf numFmtId="0" fontId="5" fillId="0" borderId="9" xfId="0" applyFont="1" applyBorder="1" applyAlignment="1">
      <alignment horizontal="distributed" vertical="center" wrapText="1" indent="1" justifyLastLine="1"/>
    </xf>
    <xf numFmtId="0" fontId="5" fillId="0" borderId="29" xfId="0" applyFont="1" applyBorder="1" applyAlignment="1">
      <alignment horizontal="distributed" vertical="center" wrapText="1" indent="1" justifyLastLine="1"/>
    </xf>
    <xf numFmtId="0" fontId="5" fillId="0" borderId="10" xfId="0" applyFont="1" applyBorder="1" applyAlignment="1">
      <alignment horizontal="distributed" vertical="center" wrapText="1" indent="1" justifyLastLine="1"/>
    </xf>
    <xf numFmtId="189" fontId="6" fillId="0" borderId="17" xfId="2" applyNumberFormat="1" applyFont="1" applyFill="1" applyBorder="1" applyAlignment="1" applyProtection="1">
      <alignment horizontal="right" vertical="center"/>
    </xf>
    <xf numFmtId="186" fontId="11" fillId="0" borderId="1" xfId="0" applyNumberFormat="1" applyFont="1" applyBorder="1" applyAlignment="1" applyProtection="1">
      <alignment horizontal="right" vertical="center"/>
      <protection locked="0"/>
    </xf>
    <xf numFmtId="187" fontId="6" fillId="0" borderId="44" xfId="2" applyNumberFormat="1" applyFont="1" applyFill="1" applyBorder="1" applyAlignment="1" applyProtection="1">
      <alignment horizontal="right" vertical="center"/>
    </xf>
    <xf numFmtId="187" fontId="6" fillId="0" borderId="17" xfId="2" applyNumberFormat="1" applyFont="1" applyFill="1" applyBorder="1" applyAlignment="1" applyProtection="1">
      <alignment horizontal="right" vertical="center"/>
    </xf>
    <xf numFmtId="187" fontId="6" fillId="0" borderId="0" xfId="2" applyNumberFormat="1" applyFont="1" applyFill="1" applyBorder="1" applyAlignment="1" applyProtection="1">
      <alignment horizontal="right" vertical="center"/>
      <protection locked="0"/>
    </xf>
    <xf numFmtId="187" fontId="6" fillId="0" borderId="20" xfId="2" applyNumberFormat="1" applyFont="1" applyFill="1" applyBorder="1" applyAlignment="1" applyProtection="1">
      <alignment horizontal="right" vertical="center"/>
      <protection locked="0"/>
    </xf>
    <xf numFmtId="189" fontId="11" fillId="0" borderId="1" xfId="2" applyNumberFormat="1" applyFont="1" applyFill="1" applyBorder="1" applyAlignment="1" applyProtection="1">
      <alignment horizontal="right" vertical="center"/>
    </xf>
    <xf numFmtId="187" fontId="6" fillId="0" borderId="35" xfId="2" applyNumberFormat="1" applyFont="1" applyFill="1" applyBorder="1" applyAlignment="1" applyProtection="1">
      <alignment horizontal="right" vertical="center"/>
    </xf>
    <xf numFmtId="186" fontId="16" fillId="0" borderId="1" xfId="0" applyNumberFormat="1" applyFont="1" applyBorder="1" applyAlignment="1">
      <alignment horizontal="right" vertical="center"/>
    </xf>
    <xf numFmtId="186" fontId="16" fillId="0" borderId="18" xfId="0" applyNumberFormat="1" applyFont="1" applyBorder="1" applyAlignment="1">
      <alignment horizontal="right" vertical="center"/>
    </xf>
    <xf numFmtId="42" fontId="6" fillId="0" borderId="17" xfId="0" applyNumberFormat="1" applyFont="1" applyBorder="1" applyAlignment="1" applyProtection="1">
      <alignment horizontal="right" vertical="center"/>
      <protection locked="0"/>
    </xf>
    <xf numFmtId="0" fontId="5" fillId="0" borderId="28" xfId="0" applyFont="1" applyBorder="1" applyAlignment="1">
      <alignment horizontal="center" vertical="center" wrapText="1"/>
    </xf>
    <xf numFmtId="0" fontId="5" fillId="0" borderId="2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44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194" fontId="6" fillId="0" borderId="0" xfId="0" applyNumberFormat="1" applyFont="1" applyAlignment="1" applyProtection="1">
      <alignment horizontal="right" vertical="center"/>
      <protection locked="0"/>
    </xf>
    <xf numFmtId="176" fontId="6" fillId="0" borderId="20" xfId="0" applyNumberFormat="1" applyFont="1" applyBorder="1" applyAlignment="1" applyProtection="1">
      <alignment horizontal="right" vertical="center"/>
      <protection locked="0"/>
    </xf>
    <xf numFmtId="176" fontId="6" fillId="0" borderId="35" xfId="0" applyNumberFormat="1" applyFont="1" applyBorder="1" applyAlignment="1" applyProtection="1">
      <alignment horizontal="right" vertical="center"/>
      <protection locked="0"/>
    </xf>
    <xf numFmtId="186" fontId="6" fillId="0" borderId="20" xfId="0" applyNumberFormat="1" applyFont="1" applyBorder="1" applyAlignment="1">
      <alignment horizontal="right" vertical="center"/>
    </xf>
    <xf numFmtId="184" fontId="11" fillId="0" borderId="28" xfId="0" applyNumberFormat="1" applyFont="1" applyBorder="1" applyAlignment="1">
      <alignment horizontal="center" vertical="center"/>
    </xf>
    <xf numFmtId="184" fontId="11" fillId="0" borderId="29" xfId="0" applyNumberFormat="1" applyFont="1" applyBorder="1" applyAlignment="1">
      <alignment horizontal="center" vertical="center"/>
    </xf>
    <xf numFmtId="184" fontId="11" fillId="0" borderId="10" xfId="0" applyNumberFormat="1" applyFont="1" applyBorder="1" applyAlignment="1">
      <alignment horizontal="center" vertical="center"/>
    </xf>
    <xf numFmtId="191" fontId="11" fillId="0" borderId="4" xfId="0" applyNumberFormat="1" applyFont="1" applyBorder="1" applyAlignment="1">
      <alignment horizontal="center" vertical="center"/>
    </xf>
    <xf numFmtId="191" fontId="11" fillId="0" borderId="31" xfId="0" applyNumberFormat="1" applyFont="1" applyBorder="1" applyAlignment="1">
      <alignment horizontal="center" vertical="center"/>
    </xf>
    <xf numFmtId="191" fontId="11" fillId="0" borderId="8" xfId="0" applyNumberFormat="1" applyFont="1" applyBorder="1" applyAlignment="1">
      <alignment horizontal="center" vertical="center"/>
    </xf>
    <xf numFmtId="191" fontId="11" fillId="0" borderId="33" xfId="0" applyNumberFormat="1" applyFont="1" applyBorder="1" applyAlignment="1">
      <alignment horizontal="center" vertical="center"/>
    </xf>
    <xf numFmtId="189" fontId="11" fillId="0" borderId="0" xfId="0" applyNumberFormat="1" applyFont="1" applyAlignment="1">
      <alignment horizontal="right" vertical="center"/>
    </xf>
    <xf numFmtId="189" fontId="11" fillId="0" borderId="20" xfId="0" applyNumberFormat="1" applyFont="1" applyBorder="1" applyAlignment="1">
      <alignment horizontal="right" vertical="center"/>
    </xf>
    <xf numFmtId="187" fontId="11" fillId="0" borderId="0" xfId="0" applyNumberFormat="1" applyFont="1" applyAlignment="1" applyProtection="1">
      <alignment horizontal="right" vertical="center"/>
      <protection locked="0"/>
    </xf>
    <xf numFmtId="184" fontId="11" fillId="0" borderId="38" xfId="0" applyNumberFormat="1" applyFont="1" applyBorder="1" applyAlignment="1">
      <alignment horizontal="center" vertical="center"/>
    </xf>
    <xf numFmtId="187" fontId="11" fillId="0" borderId="17" xfId="0" applyNumberFormat="1" applyFont="1" applyBorder="1" applyAlignment="1" applyProtection="1">
      <alignment horizontal="right" vertical="center"/>
      <protection locked="0"/>
    </xf>
    <xf numFmtId="0" fontId="6" fillId="0" borderId="31" xfId="0" applyFont="1" applyBorder="1" applyAlignment="1">
      <alignment horizontal="distributed" vertical="center" indent="1"/>
    </xf>
    <xf numFmtId="0" fontId="6" fillId="0" borderId="33" xfId="0" applyFont="1" applyBorder="1" applyAlignment="1">
      <alignment horizontal="distributed" vertical="center" indent="1"/>
    </xf>
    <xf numFmtId="0" fontId="17" fillId="0" borderId="30" xfId="0" applyFont="1" applyBorder="1" applyAlignment="1">
      <alignment horizontal="distributed" vertical="center" indent="1"/>
    </xf>
    <xf numFmtId="0" fontId="17" fillId="0" borderId="4" xfId="0" applyFont="1" applyBorder="1" applyAlignment="1">
      <alignment horizontal="distributed" vertical="center" indent="1"/>
    </xf>
    <xf numFmtId="0" fontId="17" fillId="0" borderId="36" xfId="0" applyFont="1" applyBorder="1" applyAlignment="1">
      <alignment horizontal="distributed" vertical="center" indent="1"/>
    </xf>
    <xf numFmtId="0" fontId="17" fillId="0" borderId="32" xfId="0" applyFont="1" applyBorder="1" applyAlignment="1">
      <alignment horizontal="distributed" vertical="center" indent="1"/>
    </xf>
    <xf numFmtId="0" fontId="17" fillId="0" borderId="8" xfId="0" applyFont="1" applyBorder="1" applyAlignment="1">
      <alignment horizontal="distributed" vertical="center" indent="1"/>
    </xf>
    <xf numFmtId="0" fontId="17" fillId="0" borderId="13" xfId="0" applyFont="1" applyBorder="1" applyAlignment="1">
      <alignment horizontal="distributed" vertical="center" indent="1"/>
    </xf>
    <xf numFmtId="176" fontId="17" fillId="0" borderId="17" xfId="0" applyNumberFormat="1" applyFont="1" applyBorder="1" applyAlignment="1">
      <alignment horizontal="right" vertical="center"/>
    </xf>
    <xf numFmtId="0" fontId="6" fillId="0" borderId="28" xfId="0" applyFont="1" applyBorder="1" applyAlignment="1">
      <alignment horizontal="distributed" vertical="center" justifyLastLine="1"/>
    </xf>
    <xf numFmtId="0" fontId="6" fillId="0" borderId="29" xfId="0" applyFont="1" applyBorder="1" applyAlignment="1">
      <alignment horizontal="distributed" vertical="center" justifyLastLine="1"/>
    </xf>
    <xf numFmtId="0" fontId="6" fillId="0" borderId="10" xfId="0" applyFont="1" applyBorder="1" applyAlignment="1">
      <alignment horizontal="distributed" vertical="center" justifyLastLine="1"/>
    </xf>
    <xf numFmtId="0" fontId="6" fillId="0" borderId="17" xfId="0" applyFont="1" applyBorder="1" applyAlignment="1">
      <alignment horizontal="distributed" vertical="center" wrapText="1"/>
    </xf>
    <xf numFmtId="0" fontId="6" fillId="0" borderId="29" xfId="0" applyFont="1" applyBorder="1" applyAlignment="1">
      <alignment horizontal="distributed" vertical="center" wrapText="1"/>
    </xf>
    <xf numFmtId="0" fontId="3" fillId="0" borderId="1" xfId="0" applyFont="1" applyBorder="1" applyAlignment="1">
      <alignment horizontal="distributed" vertical="center"/>
    </xf>
    <xf numFmtId="190" fontId="6" fillId="0" borderId="11" xfId="0" applyNumberFormat="1" applyFont="1" applyBorder="1" applyAlignment="1">
      <alignment horizontal="right" vertical="center" indent="3"/>
    </xf>
    <xf numFmtId="190" fontId="6" fillId="0" borderId="17" xfId="0" applyNumberFormat="1" applyFont="1" applyBorder="1" applyAlignment="1">
      <alignment horizontal="right" vertical="center" indent="3"/>
    </xf>
    <xf numFmtId="190" fontId="6" fillId="0" borderId="12" xfId="0" applyNumberFormat="1" applyFont="1" applyBorder="1" applyAlignment="1">
      <alignment horizontal="right" vertical="center" indent="3"/>
    </xf>
    <xf numFmtId="187" fontId="6" fillId="0" borderId="44" xfId="0" applyNumberFormat="1" applyFont="1" applyBorder="1" applyAlignment="1">
      <alignment horizontal="right" vertical="center"/>
    </xf>
    <xf numFmtId="0" fontId="6" fillId="0" borderId="11" xfId="0" applyFont="1" applyBorder="1" applyAlignment="1">
      <alignment horizontal="distributed" vertical="center" wrapText="1" indent="2" shrinkToFit="1"/>
    </xf>
    <xf numFmtId="0" fontId="6" fillId="0" borderId="17" xfId="0" applyFont="1" applyBorder="1" applyAlignment="1">
      <alignment horizontal="distributed" vertical="center" wrapText="1" indent="2" shrinkToFit="1"/>
    </xf>
    <xf numFmtId="0" fontId="6" fillId="0" borderId="12" xfId="0" applyFont="1" applyBorder="1" applyAlignment="1">
      <alignment horizontal="distributed" vertical="center" wrapText="1" indent="2" shrinkToFit="1"/>
    </xf>
    <xf numFmtId="0" fontId="6" fillId="0" borderId="2" xfId="0" applyFont="1" applyBorder="1" applyAlignment="1">
      <alignment horizontal="distributed" vertical="center" wrapText="1" indent="2" shrinkToFit="1"/>
    </xf>
    <xf numFmtId="0" fontId="6" fillId="0" borderId="0" xfId="0" applyFont="1" applyAlignment="1">
      <alignment horizontal="distributed" vertical="center" wrapText="1" indent="2" shrinkToFit="1"/>
    </xf>
    <xf numFmtId="0" fontId="6" fillId="0" borderId="3" xfId="0" applyFont="1" applyBorder="1" applyAlignment="1">
      <alignment horizontal="distributed" vertical="center" wrapText="1" indent="2" shrinkToFit="1"/>
    </xf>
    <xf numFmtId="0" fontId="6" fillId="0" borderId="7" xfId="0" applyFont="1" applyBorder="1" applyAlignment="1">
      <alignment horizontal="distributed" vertical="center" wrapText="1" indent="2" shrinkToFit="1"/>
    </xf>
    <xf numFmtId="0" fontId="6" fillId="0" borderId="8" xfId="0" applyFont="1" applyBorder="1" applyAlignment="1">
      <alignment horizontal="distributed" vertical="center" wrapText="1" indent="2" shrinkToFit="1"/>
    </xf>
    <xf numFmtId="0" fontId="6" fillId="0" borderId="13" xfId="0" applyFont="1" applyBorder="1" applyAlignment="1">
      <alignment horizontal="distributed" vertical="center" wrapText="1" indent="2" shrinkToFit="1"/>
    </xf>
    <xf numFmtId="183" fontId="6" fillId="0" borderId="2" xfId="0" applyNumberFormat="1" applyFont="1" applyBorder="1" applyAlignment="1">
      <alignment horizontal="right" vertical="center" indent="3"/>
    </xf>
    <xf numFmtId="183" fontId="6" fillId="0" borderId="0" xfId="0" applyNumberFormat="1" applyFont="1" applyAlignment="1">
      <alignment horizontal="right" vertical="center" indent="3"/>
    </xf>
    <xf numFmtId="183" fontId="6" fillId="0" borderId="3" xfId="0" applyNumberFormat="1" applyFont="1" applyBorder="1" applyAlignment="1">
      <alignment horizontal="right" vertical="center" indent="3"/>
    </xf>
    <xf numFmtId="177" fontId="6" fillId="0" borderId="0" xfId="0" applyNumberFormat="1" applyFont="1" applyBorder="1" applyAlignment="1">
      <alignment horizontal="right" vertical="center"/>
    </xf>
    <xf numFmtId="183" fontId="11" fillId="0" borderId="16" xfId="0" applyNumberFormat="1" applyFont="1" applyBorder="1" applyAlignment="1">
      <alignment horizontal="right" vertical="center" indent="3"/>
    </xf>
    <xf numFmtId="183" fontId="11" fillId="0" borderId="1" xfId="0" applyNumberFormat="1" applyFont="1" applyBorder="1" applyAlignment="1">
      <alignment horizontal="right" vertical="center" indent="3"/>
    </xf>
    <xf numFmtId="183" fontId="11" fillId="0" borderId="50" xfId="0" applyNumberFormat="1" applyFont="1" applyBorder="1" applyAlignment="1">
      <alignment horizontal="right" vertical="center" indent="3"/>
    </xf>
    <xf numFmtId="0" fontId="17" fillId="0" borderId="29" xfId="0" applyFont="1" applyBorder="1" applyAlignment="1">
      <alignment horizontal="distributed" vertical="center"/>
    </xf>
    <xf numFmtId="0" fontId="6" fillId="0" borderId="11" xfId="0" applyFont="1" applyFill="1" applyBorder="1" applyAlignment="1">
      <alignment horizontal="distributed" vertical="center" wrapText="1" indent="2" shrinkToFit="1"/>
    </xf>
    <xf numFmtId="0" fontId="6" fillId="0" borderId="17" xfId="0" applyFont="1" applyFill="1" applyBorder="1" applyAlignment="1">
      <alignment horizontal="distributed" vertical="center" wrapText="1" indent="2" shrinkToFit="1"/>
    </xf>
    <xf numFmtId="0" fontId="6" fillId="0" borderId="12" xfId="0" applyFont="1" applyFill="1" applyBorder="1" applyAlignment="1">
      <alignment horizontal="distributed" vertical="center" wrapText="1" indent="2" shrinkToFit="1"/>
    </xf>
    <xf numFmtId="0" fontId="6" fillId="0" borderId="2" xfId="0" applyFont="1" applyFill="1" applyBorder="1" applyAlignment="1">
      <alignment horizontal="distributed" vertical="center" wrapText="1" indent="2" shrinkToFit="1"/>
    </xf>
    <xf numFmtId="0" fontId="6" fillId="0" borderId="0" xfId="0" applyFont="1" applyFill="1" applyAlignment="1">
      <alignment horizontal="distributed" vertical="center" wrapText="1" indent="2" shrinkToFit="1"/>
    </xf>
    <xf numFmtId="0" fontId="6" fillId="0" borderId="3" xfId="0" applyFont="1" applyFill="1" applyBorder="1" applyAlignment="1">
      <alignment horizontal="distributed" vertical="center" wrapText="1" indent="2" shrinkToFit="1"/>
    </xf>
    <xf numFmtId="0" fontId="6" fillId="0" borderId="0" xfId="0" applyFont="1" applyAlignment="1">
      <alignment horizontal="distributed" vertical="center"/>
    </xf>
    <xf numFmtId="0" fontId="6" fillId="0" borderId="0" xfId="0" applyFont="1" applyAlignment="1">
      <alignment horizontal="distributed" vertical="center" wrapText="1"/>
    </xf>
    <xf numFmtId="0" fontId="6" fillId="0" borderId="0" xfId="0" applyFont="1" applyAlignment="1">
      <alignment horizontal="distributed" vertical="center" justifyLastLine="1"/>
    </xf>
    <xf numFmtId="0" fontId="6" fillId="0" borderId="17" xfId="0" applyFont="1" applyBorder="1" applyAlignment="1">
      <alignment horizontal="distributed" vertical="center"/>
    </xf>
    <xf numFmtId="187" fontId="11" fillId="0" borderId="18" xfId="2" applyNumberFormat="1" applyFont="1" applyFill="1" applyBorder="1" applyAlignment="1" applyProtection="1">
      <alignment horizontal="right" vertical="center"/>
      <protection locked="0"/>
    </xf>
    <xf numFmtId="189" fontId="17" fillId="0" borderId="0" xfId="2" applyNumberFormat="1" applyFont="1" applyFill="1" applyBorder="1" applyAlignment="1" applyProtection="1">
      <alignment horizontal="right" vertical="center"/>
    </xf>
    <xf numFmtId="0" fontId="6" fillId="0" borderId="39" xfId="0" applyFont="1" applyBorder="1" applyAlignment="1">
      <alignment horizontal="distributed" vertical="center" indent="3"/>
    </xf>
    <xf numFmtId="0" fontId="6" fillId="0" borderId="40" xfId="0" applyFont="1" applyBorder="1" applyAlignment="1">
      <alignment horizontal="distributed" vertical="center" indent="3"/>
    </xf>
    <xf numFmtId="0" fontId="6" fillId="0" borderId="54" xfId="0" applyFont="1" applyBorder="1" applyAlignment="1">
      <alignment horizontal="distributed" vertical="center" indent="3"/>
    </xf>
    <xf numFmtId="176" fontId="16" fillId="0" borderId="19" xfId="0" applyNumberFormat="1" applyFont="1" applyBorder="1" applyAlignment="1">
      <alignment horizontal="right" vertical="center"/>
    </xf>
    <xf numFmtId="176" fontId="16" fillId="0" borderId="0" xfId="0" applyNumberFormat="1" applyFont="1" applyAlignment="1">
      <alignment horizontal="right" vertical="center"/>
    </xf>
    <xf numFmtId="0" fontId="6" fillId="0" borderId="30" xfId="0" applyFont="1" applyBorder="1" applyAlignment="1">
      <alignment horizontal="center" vertical="center" textRotation="255"/>
    </xf>
    <xf numFmtId="0" fontId="6" fillId="0" borderId="31" xfId="0" applyFont="1" applyBorder="1" applyAlignment="1">
      <alignment horizontal="center" vertical="center" textRotation="255"/>
    </xf>
    <xf numFmtId="0" fontId="6" fillId="0" borderId="19" xfId="0" applyFont="1" applyBorder="1" applyAlignment="1">
      <alignment horizontal="center" vertical="center" textRotation="255"/>
    </xf>
    <xf numFmtId="0" fontId="6" fillId="0" borderId="20" xfId="0" applyFont="1" applyBorder="1" applyAlignment="1">
      <alignment horizontal="center" vertical="center" textRotation="255"/>
    </xf>
    <xf numFmtId="0" fontId="6" fillId="0" borderId="44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29" xfId="0" applyFont="1" applyBorder="1" applyAlignment="1">
      <alignment horizontal="distributed" vertical="center"/>
    </xf>
    <xf numFmtId="187" fontId="6" fillId="0" borderId="35" xfId="0" applyNumberFormat="1" applyFont="1" applyBorder="1" applyAlignment="1">
      <alignment horizontal="right" vertical="center"/>
    </xf>
    <xf numFmtId="0" fontId="6" fillId="0" borderId="30" xfId="0" applyFont="1" applyBorder="1" applyAlignment="1">
      <alignment horizontal="center" vertical="distributed" textRotation="255" indent="2"/>
    </xf>
    <xf numFmtId="0" fontId="6" fillId="0" borderId="36" xfId="0" applyFont="1" applyBorder="1" applyAlignment="1">
      <alignment horizontal="center" vertical="distributed" textRotation="255" indent="2"/>
    </xf>
    <xf numFmtId="0" fontId="6" fillId="0" borderId="19" xfId="0" applyFont="1" applyBorder="1" applyAlignment="1">
      <alignment horizontal="center" vertical="distributed" textRotation="255" indent="2"/>
    </xf>
    <xf numFmtId="0" fontId="6" fillId="0" borderId="3" xfId="0" applyFont="1" applyBorder="1" applyAlignment="1">
      <alignment horizontal="center" vertical="distributed" textRotation="255" indent="2"/>
    </xf>
    <xf numFmtId="0" fontId="6" fillId="0" borderId="32" xfId="0" applyFont="1" applyBorder="1" applyAlignment="1">
      <alignment horizontal="center" vertical="distributed" textRotation="255" indent="2"/>
    </xf>
    <xf numFmtId="0" fontId="6" fillId="0" borderId="13" xfId="0" applyFont="1" applyBorder="1" applyAlignment="1">
      <alignment horizontal="center" vertical="distributed" textRotation="255" indent="2"/>
    </xf>
    <xf numFmtId="186" fontId="11" fillId="0" borderId="34" xfId="0" applyNumberFormat="1" applyFont="1" applyBorder="1" applyAlignment="1">
      <alignment horizontal="right" vertical="center"/>
    </xf>
    <xf numFmtId="186" fontId="11" fillId="0" borderId="1" xfId="0" applyNumberFormat="1" applyFont="1" applyBorder="1" applyAlignment="1">
      <alignment horizontal="right" vertical="center"/>
    </xf>
    <xf numFmtId="0" fontId="8" fillId="0" borderId="0" xfId="0" applyFont="1" applyAlignment="1">
      <alignment horizontal="center" vertical="center"/>
    </xf>
    <xf numFmtId="176" fontId="16" fillId="0" borderId="20" xfId="0" applyNumberFormat="1" applyFont="1" applyBorder="1" applyAlignment="1" applyProtection="1">
      <alignment horizontal="right" vertical="center"/>
      <protection locked="0"/>
    </xf>
    <xf numFmtId="177" fontId="11" fillId="0" borderId="1" xfId="3" applyNumberFormat="1" applyFont="1" applyBorder="1" applyAlignment="1" applyProtection="1">
      <alignment horizontal="right" vertical="center"/>
      <protection locked="0"/>
    </xf>
    <xf numFmtId="0" fontId="6" fillId="0" borderId="39" xfId="3" applyFont="1" applyBorder="1" applyAlignment="1">
      <alignment horizontal="distributed" vertical="center" indent="6"/>
    </xf>
    <xf numFmtId="0" fontId="6" fillId="0" borderId="40" xfId="3" applyFont="1" applyBorder="1" applyAlignment="1">
      <alignment horizontal="distributed" vertical="center" indent="6"/>
    </xf>
    <xf numFmtId="0" fontId="6" fillId="0" borderId="41" xfId="3" applyFont="1" applyBorder="1" applyAlignment="1">
      <alignment horizontal="distributed" vertical="center" indent="6"/>
    </xf>
    <xf numFmtId="177" fontId="6" fillId="0" borderId="17" xfId="3" applyNumberFormat="1" applyFont="1" applyBorder="1" applyAlignment="1">
      <alignment horizontal="right" vertical="center"/>
    </xf>
    <xf numFmtId="177" fontId="6" fillId="0" borderId="35" xfId="3" applyNumberFormat="1" applyFont="1" applyBorder="1" applyAlignment="1">
      <alignment horizontal="right" vertical="center"/>
    </xf>
    <xf numFmtId="0" fontId="6" fillId="0" borderId="44" xfId="3" applyFont="1" applyBorder="1" applyAlignment="1">
      <alignment horizontal="distributed" vertical="center" justifyLastLine="1"/>
    </xf>
    <xf numFmtId="0" fontId="6" fillId="0" borderId="17" xfId="3" applyFont="1" applyBorder="1" applyAlignment="1">
      <alignment horizontal="distributed" vertical="center" justifyLastLine="1"/>
    </xf>
    <xf numFmtId="0" fontId="6" fillId="0" borderId="35" xfId="3" applyFont="1" applyBorder="1" applyAlignment="1">
      <alignment horizontal="distributed" vertical="center" justifyLastLine="1"/>
    </xf>
    <xf numFmtId="0" fontId="6" fillId="0" borderId="32" xfId="3" applyFont="1" applyBorder="1" applyAlignment="1">
      <alignment horizontal="distributed" vertical="center" justifyLastLine="1"/>
    </xf>
    <xf numFmtId="0" fontId="6" fillId="0" borderId="8" xfId="3" applyFont="1" applyBorder="1" applyAlignment="1">
      <alignment horizontal="distributed" vertical="center" justifyLastLine="1"/>
    </xf>
    <xf numFmtId="0" fontId="6" fillId="0" borderId="33" xfId="3" applyFont="1" applyBorder="1" applyAlignment="1">
      <alignment horizontal="distributed" vertical="center" justifyLastLine="1"/>
    </xf>
    <xf numFmtId="0" fontId="6" fillId="0" borderId="2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4" xfId="3" applyFont="1" applyBorder="1" applyAlignment="1">
      <alignment horizontal="distributed" vertical="center" indent="1"/>
    </xf>
    <xf numFmtId="0" fontId="6" fillId="0" borderId="17" xfId="3" applyFont="1" applyBorder="1" applyAlignment="1">
      <alignment horizontal="distributed" vertical="center" indent="1"/>
    </xf>
    <xf numFmtId="0" fontId="6" fillId="0" borderId="12" xfId="3" applyFont="1" applyBorder="1" applyAlignment="1">
      <alignment horizontal="distributed" vertical="center" indent="1"/>
    </xf>
    <xf numFmtId="0" fontId="6" fillId="0" borderId="32" xfId="3" applyFont="1" applyBorder="1" applyAlignment="1">
      <alignment horizontal="distributed" vertical="center" indent="1"/>
    </xf>
    <xf numFmtId="0" fontId="6" fillId="0" borderId="8" xfId="3" applyFont="1" applyBorder="1" applyAlignment="1">
      <alignment horizontal="distributed" vertical="center" indent="1"/>
    </xf>
    <xf numFmtId="0" fontId="6" fillId="0" borderId="13" xfId="3" applyFont="1" applyBorder="1" applyAlignment="1">
      <alignment horizontal="distributed" vertical="center" indent="1"/>
    </xf>
    <xf numFmtId="177" fontId="6" fillId="0" borderId="44" xfId="0" applyNumberFormat="1" applyFont="1" applyBorder="1" applyAlignment="1">
      <alignment horizontal="right" vertical="center"/>
    </xf>
    <xf numFmtId="0" fontId="6" fillId="0" borderId="30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36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177" fontId="6" fillId="0" borderId="19" xfId="0" applyNumberFormat="1" applyFont="1" applyBorder="1" applyAlignment="1" applyProtection="1">
      <alignment horizontal="right" vertical="center"/>
      <protection locked="0"/>
    </xf>
    <xf numFmtId="177" fontId="6" fillId="0" borderId="0" xfId="3" applyNumberFormat="1" applyFont="1" applyAlignment="1" applyProtection="1">
      <alignment horizontal="right" vertical="center"/>
      <protection locked="0"/>
    </xf>
    <xf numFmtId="177" fontId="6" fillId="0" borderId="20" xfId="3" applyNumberFormat="1" applyFont="1" applyBorder="1" applyAlignment="1" applyProtection="1">
      <alignment horizontal="right" vertical="center"/>
      <protection locked="0"/>
    </xf>
    <xf numFmtId="0" fontId="6" fillId="0" borderId="28" xfId="3" applyFont="1" applyBorder="1" applyAlignment="1">
      <alignment horizontal="distributed" vertical="center" indent="3"/>
    </xf>
    <xf numFmtId="0" fontId="6" fillId="0" borderId="29" xfId="3" applyFont="1" applyBorder="1" applyAlignment="1">
      <alignment horizontal="distributed" vertical="center" indent="3"/>
    </xf>
    <xf numFmtId="0" fontId="6" fillId="0" borderId="10" xfId="3" applyFont="1" applyBorder="1" applyAlignment="1">
      <alignment horizontal="distributed" vertical="center" indent="3"/>
    </xf>
    <xf numFmtId="0" fontId="6" fillId="0" borderId="28" xfId="3" applyFont="1" applyBorder="1" applyAlignment="1">
      <alignment horizontal="distributed" vertical="center" indent="1"/>
    </xf>
    <xf numFmtId="0" fontId="6" fillId="0" borderId="29" xfId="3" applyFont="1" applyBorder="1" applyAlignment="1">
      <alignment horizontal="distributed" vertical="center" indent="1"/>
    </xf>
    <xf numFmtId="0" fontId="6" fillId="0" borderId="10" xfId="3" applyFont="1" applyBorder="1" applyAlignment="1">
      <alignment horizontal="distributed" vertical="center" indent="1"/>
    </xf>
    <xf numFmtId="177" fontId="11" fillId="0" borderId="18" xfId="3" applyNumberFormat="1" applyFont="1" applyBorder="1" applyAlignment="1" applyProtection="1">
      <alignment horizontal="right" vertical="center"/>
      <protection locked="0"/>
    </xf>
    <xf numFmtId="176" fontId="18" fillId="0" borderId="56" xfId="0" applyNumberFormat="1" applyFont="1" applyBorder="1" applyAlignment="1" applyProtection="1">
      <alignment horizontal="right" vertical="center"/>
      <protection locked="0"/>
    </xf>
    <xf numFmtId="176" fontId="18" fillId="0" borderId="1" xfId="0" applyNumberFormat="1" applyFont="1" applyBorder="1" applyAlignment="1" applyProtection="1">
      <alignment horizontal="right" vertical="center"/>
      <protection locked="0"/>
    </xf>
    <xf numFmtId="187" fontId="13" fillId="0" borderId="1" xfId="2" applyNumberFormat="1" applyFont="1" applyFill="1" applyBorder="1" applyAlignment="1" applyProtection="1">
      <alignment horizontal="right" vertical="center"/>
    </xf>
    <xf numFmtId="0" fontId="13" fillId="0" borderId="34" xfId="0" applyFont="1" applyBorder="1" applyAlignment="1">
      <alignment horizontal="distributed" vertical="center" indent="1"/>
    </xf>
    <xf numFmtId="0" fontId="13" fillId="0" borderId="1" xfId="0" applyFont="1" applyBorder="1" applyAlignment="1">
      <alignment horizontal="distributed" vertical="center" indent="1"/>
    </xf>
    <xf numFmtId="0" fontId="13" fillId="0" borderId="50" xfId="0" applyFont="1" applyBorder="1" applyAlignment="1">
      <alignment horizontal="distributed" vertical="center" indent="1"/>
    </xf>
    <xf numFmtId="176" fontId="17" fillId="0" borderId="0" xfId="0" applyNumberFormat="1" applyFont="1" applyAlignment="1" applyProtection="1">
      <alignment horizontal="center" vertical="center" shrinkToFit="1"/>
      <protection locked="0"/>
    </xf>
    <xf numFmtId="176" fontId="17" fillId="0" borderId="21" xfId="0" applyNumberFormat="1" applyFont="1" applyBorder="1" applyAlignment="1" applyProtection="1">
      <alignment horizontal="center" vertical="center" shrinkToFit="1"/>
      <protection locked="0"/>
    </xf>
    <xf numFmtId="0" fontId="13" fillId="0" borderId="19" xfId="0" applyFont="1" applyBorder="1" applyAlignment="1">
      <alignment horizontal="distributed" vertical="center" indent="1"/>
    </xf>
    <xf numFmtId="0" fontId="13" fillId="0" borderId="0" xfId="0" applyFont="1" applyAlignment="1">
      <alignment horizontal="distributed" vertical="center" indent="1"/>
    </xf>
    <xf numFmtId="0" fontId="13" fillId="0" borderId="3" xfId="0" applyFont="1" applyBorder="1" applyAlignment="1">
      <alignment horizontal="distributed" vertical="center" indent="1"/>
    </xf>
    <xf numFmtId="187" fontId="13" fillId="0" borderId="1" xfId="2" applyNumberFormat="1" applyFont="1" applyFill="1" applyBorder="1" applyAlignment="1" applyProtection="1">
      <alignment horizontal="right" vertical="center"/>
      <protection locked="0"/>
    </xf>
    <xf numFmtId="177" fontId="17" fillId="0" borderId="19" xfId="0" applyNumberFormat="1" applyFont="1" applyBorder="1" applyAlignment="1" applyProtection="1">
      <alignment horizontal="right" vertical="center"/>
      <protection locked="0"/>
    </xf>
    <xf numFmtId="0" fontId="5" fillId="0" borderId="4" xfId="0" applyFont="1" applyBorder="1" applyAlignment="1">
      <alignment horizontal="left" vertical="center"/>
    </xf>
    <xf numFmtId="0" fontId="6" fillId="0" borderId="28" xfId="0" applyFont="1" applyBorder="1" applyAlignment="1">
      <alignment horizontal="distributed" vertical="center" indent="2"/>
    </xf>
    <xf numFmtId="0" fontId="6" fillId="0" borderId="29" xfId="0" applyFont="1" applyBorder="1" applyAlignment="1">
      <alignment horizontal="distributed" vertical="center" indent="2"/>
    </xf>
    <xf numFmtId="0" fontId="6" fillId="0" borderId="38" xfId="0" applyFont="1" applyBorder="1" applyAlignment="1">
      <alignment horizontal="distributed" vertical="center" indent="2"/>
    </xf>
    <xf numFmtId="187" fontId="14" fillId="0" borderId="1" xfId="2" applyNumberFormat="1" applyFont="1" applyFill="1" applyBorder="1" applyAlignment="1" applyProtection="1">
      <alignment horizontal="right" vertical="center"/>
      <protection locked="0"/>
    </xf>
    <xf numFmtId="187" fontId="14" fillId="0" borderId="18" xfId="2" applyNumberFormat="1" applyFont="1" applyFill="1" applyBorder="1" applyAlignment="1" applyProtection="1">
      <alignment horizontal="right" vertical="center"/>
      <protection locked="0"/>
    </xf>
    <xf numFmtId="0" fontId="6" fillId="0" borderId="41" xfId="0" applyFont="1" applyBorder="1" applyAlignment="1">
      <alignment horizontal="distributed" vertical="center" indent="3"/>
    </xf>
    <xf numFmtId="0" fontId="6" fillId="0" borderId="10" xfId="0" applyFont="1" applyBorder="1" applyAlignment="1">
      <alignment horizontal="distributed" vertical="center" indent="2"/>
    </xf>
    <xf numFmtId="0" fontId="6" fillId="0" borderId="7" xfId="0" applyFont="1" applyBorder="1" applyAlignment="1">
      <alignment vertical="center"/>
    </xf>
    <xf numFmtId="0" fontId="6" fillId="0" borderId="8" xfId="0" applyFont="1" applyBorder="1" applyAlignment="1">
      <alignment vertical="center"/>
    </xf>
    <xf numFmtId="0" fontId="6" fillId="0" borderId="13" xfId="0" applyFont="1" applyBorder="1" applyAlignment="1">
      <alignment vertical="center"/>
    </xf>
    <xf numFmtId="183" fontId="11" fillId="0" borderId="55" xfId="0" applyNumberFormat="1" applyFont="1" applyBorder="1" applyAlignment="1">
      <alignment horizontal="right" vertical="center" indent="1"/>
    </xf>
    <xf numFmtId="182" fontId="6" fillId="0" borderId="19" xfId="2" applyNumberFormat="1" applyFont="1" applyFill="1" applyBorder="1" applyAlignment="1" applyProtection="1">
      <alignment horizontal="right" vertical="center"/>
    </xf>
    <xf numFmtId="186" fontId="18" fillId="0" borderId="1" xfId="0" applyNumberFormat="1" applyFont="1" applyBorder="1" applyAlignment="1" applyProtection="1">
      <alignment horizontal="center" vertical="center"/>
      <protection locked="0"/>
    </xf>
    <xf numFmtId="176" fontId="6" fillId="0" borderId="17" xfId="0" applyNumberFormat="1" applyFont="1" applyBorder="1" applyAlignment="1">
      <alignment horizontal="center" vertical="center" shrinkToFit="1"/>
    </xf>
    <xf numFmtId="176" fontId="6" fillId="0" borderId="61" xfId="0" applyNumberFormat="1" applyFont="1" applyBorder="1" applyAlignment="1">
      <alignment horizontal="center" vertical="center" shrinkToFit="1"/>
    </xf>
    <xf numFmtId="0" fontId="6" fillId="0" borderId="31" xfId="0" applyFont="1" applyBorder="1" applyAlignment="1">
      <alignment horizontal="distributed" vertical="center" justifyLastLine="1"/>
    </xf>
    <xf numFmtId="0" fontId="6" fillId="0" borderId="33" xfId="0" applyFont="1" applyBorder="1" applyAlignment="1">
      <alignment horizontal="distributed" vertical="center" justifyLastLine="1"/>
    </xf>
    <xf numFmtId="176" fontId="6" fillId="0" borderId="60" xfId="0" applyNumberFormat="1" applyFont="1" applyBorder="1" applyAlignment="1">
      <alignment horizontal="right" vertical="center"/>
    </xf>
    <xf numFmtId="176" fontId="18" fillId="0" borderId="1" xfId="0" applyNumberFormat="1" applyFont="1" applyBorder="1" applyAlignment="1" applyProtection="1">
      <alignment horizontal="center" vertical="center" shrinkToFit="1"/>
      <protection locked="0"/>
    </xf>
    <xf numFmtId="176" fontId="18" fillId="0" borderId="22" xfId="0" applyNumberFormat="1" applyFont="1" applyBorder="1" applyAlignment="1" applyProtection="1">
      <alignment horizontal="center" vertical="center" shrinkToFit="1"/>
      <protection locked="0"/>
    </xf>
    <xf numFmtId="176" fontId="17" fillId="0" borderId="37" xfId="0" applyNumberFormat="1" applyFont="1" applyBorder="1" applyAlignment="1" applyProtection="1">
      <alignment horizontal="right" vertical="center"/>
      <protection locked="0"/>
    </xf>
    <xf numFmtId="176" fontId="17" fillId="0" borderId="0" xfId="0" applyNumberFormat="1" applyFont="1" applyAlignment="1" applyProtection="1">
      <alignment horizontal="right" vertical="center"/>
      <protection locked="0"/>
    </xf>
    <xf numFmtId="190" fontId="6" fillId="0" borderId="57" xfId="0" applyNumberFormat="1" applyFont="1" applyBorder="1" applyAlignment="1">
      <alignment horizontal="right" vertical="center" indent="1"/>
    </xf>
    <xf numFmtId="183" fontId="6" fillId="0" borderId="6" xfId="0" applyNumberFormat="1" applyFont="1" applyBorder="1" applyAlignment="1">
      <alignment horizontal="right" vertical="center" indent="1"/>
    </xf>
    <xf numFmtId="182" fontId="11" fillId="0" borderId="18" xfId="2" applyNumberFormat="1" applyFont="1" applyFill="1" applyBorder="1" applyAlignment="1" applyProtection="1">
      <alignment horizontal="right" vertical="center"/>
      <protection locked="0"/>
    </xf>
    <xf numFmtId="0" fontId="13" fillId="0" borderId="11" xfId="0" applyFont="1" applyBorder="1" applyAlignment="1">
      <alignment horizontal="center" vertical="center" wrapText="1"/>
    </xf>
    <xf numFmtId="0" fontId="13" fillId="0" borderId="17" xfId="0" applyFont="1" applyBorder="1" applyAlignment="1">
      <alignment horizontal="center" vertical="center" wrapText="1"/>
    </xf>
    <xf numFmtId="0" fontId="13" fillId="0" borderId="12" xfId="0" applyFont="1" applyBorder="1" applyAlignment="1">
      <alignment horizontal="center" vertical="center" wrapText="1"/>
    </xf>
    <xf numFmtId="0" fontId="13" fillId="0" borderId="2" xfId="0" applyFont="1" applyBorder="1" applyAlignment="1">
      <alignment horizontal="center" vertical="center" wrapText="1"/>
    </xf>
    <xf numFmtId="0" fontId="13" fillId="0" borderId="0" xfId="0" applyFont="1" applyAlignment="1">
      <alignment horizontal="center" vertical="center" wrapText="1"/>
    </xf>
    <xf numFmtId="0" fontId="13" fillId="0" borderId="3" xfId="0" applyFont="1" applyBorder="1" applyAlignment="1">
      <alignment horizontal="center" vertical="center" wrapText="1"/>
    </xf>
    <xf numFmtId="0" fontId="13" fillId="0" borderId="7" xfId="0" applyFont="1" applyBorder="1" applyAlignment="1">
      <alignment horizontal="center" vertical="center" wrapText="1"/>
    </xf>
    <xf numFmtId="0" fontId="13" fillId="0" borderId="8" xfId="0" applyFont="1" applyBorder="1" applyAlignment="1">
      <alignment horizontal="center" vertical="center" wrapText="1"/>
    </xf>
    <xf numFmtId="0" fontId="13" fillId="0" borderId="13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distributed" vertical="center" indent="2"/>
    </xf>
    <xf numFmtId="0" fontId="13" fillId="0" borderId="19" xfId="0" applyFont="1" applyBorder="1" applyAlignment="1">
      <alignment horizontal="distributed" vertical="center" indent="2"/>
    </xf>
    <xf numFmtId="0" fontId="13" fillId="0" borderId="0" xfId="0" applyFont="1" applyAlignment="1">
      <alignment horizontal="distributed" vertical="center" indent="2"/>
    </xf>
    <xf numFmtId="0" fontId="13" fillId="0" borderId="3" xfId="0" applyFont="1" applyBorder="1" applyAlignment="1">
      <alignment horizontal="distributed" vertical="center" indent="2"/>
    </xf>
    <xf numFmtId="0" fontId="13" fillId="0" borderId="32" xfId="0" applyFont="1" applyBorder="1" applyAlignment="1">
      <alignment horizontal="distributed" vertical="center" indent="2"/>
    </xf>
    <xf numFmtId="0" fontId="13" fillId="0" borderId="8" xfId="0" applyFont="1" applyBorder="1" applyAlignment="1">
      <alignment horizontal="distributed" vertical="center" indent="2"/>
    </xf>
    <xf numFmtId="0" fontId="13" fillId="0" borderId="13" xfId="0" applyFont="1" applyBorder="1" applyAlignment="1">
      <alignment horizontal="distributed" vertical="center" indent="2"/>
    </xf>
    <xf numFmtId="0" fontId="13" fillId="0" borderId="11" xfId="0" applyFont="1" applyBorder="1" applyAlignment="1">
      <alignment horizontal="center" vertical="center" shrinkToFit="1"/>
    </xf>
    <xf numFmtId="0" fontId="13" fillId="0" borderId="17" xfId="0" applyFont="1" applyBorder="1" applyAlignment="1">
      <alignment horizontal="center" vertical="center" shrinkToFit="1"/>
    </xf>
    <xf numFmtId="0" fontId="13" fillId="0" borderId="12" xfId="0" applyFont="1" applyBorder="1" applyAlignment="1">
      <alignment horizontal="center" vertical="center" shrinkToFit="1"/>
    </xf>
    <xf numFmtId="0" fontId="13" fillId="0" borderId="2" xfId="0" applyFont="1" applyBorder="1" applyAlignment="1">
      <alignment horizontal="center" vertical="center" shrinkToFit="1"/>
    </xf>
    <xf numFmtId="0" fontId="13" fillId="0" borderId="0" xfId="0" applyFont="1" applyAlignment="1">
      <alignment horizontal="center" vertical="center" shrinkToFit="1"/>
    </xf>
    <xf numFmtId="0" fontId="13" fillId="0" borderId="3" xfId="0" applyFont="1" applyBorder="1" applyAlignment="1">
      <alignment horizontal="center" vertical="center" shrinkToFit="1"/>
    </xf>
    <xf numFmtId="0" fontId="13" fillId="0" borderId="7" xfId="0" applyFont="1" applyBorder="1" applyAlignment="1">
      <alignment horizontal="center" vertical="center" shrinkToFit="1"/>
    </xf>
    <xf numFmtId="0" fontId="13" fillId="0" borderId="8" xfId="0" applyFont="1" applyBorder="1" applyAlignment="1">
      <alignment horizontal="center" vertical="center" shrinkToFit="1"/>
    </xf>
    <xf numFmtId="0" fontId="13" fillId="0" borderId="13" xfId="0" applyFont="1" applyBorder="1" applyAlignment="1">
      <alignment horizontal="center" vertical="center" shrinkToFit="1"/>
    </xf>
    <xf numFmtId="187" fontId="6" fillId="0" borderId="0" xfId="2" applyNumberFormat="1" applyFont="1" applyFill="1" applyBorder="1" applyAlignment="1" applyProtection="1">
      <alignment horizontal="right" vertical="center"/>
    </xf>
    <xf numFmtId="0" fontId="6" fillId="0" borderId="19" xfId="0" applyFont="1" applyBorder="1" applyAlignment="1">
      <alignment horizontal="distributed" vertical="center" indent="1"/>
    </xf>
    <xf numFmtId="0" fontId="6" fillId="0" borderId="0" xfId="0" applyFont="1" applyAlignment="1">
      <alignment horizontal="distributed" vertical="center" indent="1"/>
    </xf>
    <xf numFmtId="0" fontId="6" fillId="0" borderId="3" xfId="0" applyFont="1" applyBorder="1" applyAlignment="1">
      <alignment horizontal="distributed" vertical="center" indent="1"/>
    </xf>
    <xf numFmtId="0" fontId="13" fillId="0" borderId="44" xfId="0" applyFont="1" applyBorder="1" applyAlignment="1">
      <alignment horizontal="distributed" vertical="center" indent="1"/>
    </xf>
    <xf numFmtId="0" fontId="13" fillId="0" borderId="17" xfId="0" applyFont="1" applyBorder="1" applyAlignment="1">
      <alignment horizontal="distributed" vertical="center" indent="1"/>
    </xf>
    <xf numFmtId="0" fontId="13" fillId="0" borderId="12" xfId="0" applyFont="1" applyBorder="1" applyAlignment="1">
      <alignment horizontal="distributed" vertical="center" indent="1"/>
    </xf>
    <xf numFmtId="0" fontId="10" fillId="0" borderId="28" xfId="0" applyFont="1" applyBorder="1" applyAlignment="1">
      <alignment horizontal="distributed" vertical="center" wrapText="1" justifyLastLine="1"/>
    </xf>
    <xf numFmtId="0" fontId="10" fillId="0" borderId="29" xfId="0" applyFont="1" applyBorder="1" applyAlignment="1">
      <alignment horizontal="distributed" vertical="center" wrapText="1" justifyLastLine="1"/>
    </xf>
    <xf numFmtId="0" fontId="10" fillId="0" borderId="10" xfId="0" applyFont="1" applyBorder="1" applyAlignment="1">
      <alignment horizontal="distributed" vertical="center" wrapText="1" justifyLastLine="1"/>
    </xf>
    <xf numFmtId="0" fontId="13" fillId="0" borderId="16" xfId="0" applyFont="1" applyBorder="1" applyAlignment="1">
      <alignment horizontal="center" vertical="center" wrapText="1"/>
    </xf>
    <xf numFmtId="0" fontId="13" fillId="0" borderId="1" xfId="0" applyFont="1" applyBorder="1" applyAlignment="1">
      <alignment horizontal="center" vertical="center" wrapText="1"/>
    </xf>
    <xf numFmtId="0" fontId="13" fillId="0" borderId="50" xfId="0" applyFont="1" applyBorder="1" applyAlignment="1">
      <alignment horizontal="center" vertical="center" wrapText="1"/>
    </xf>
    <xf numFmtId="0" fontId="13" fillId="0" borderId="44" xfId="0" applyFont="1" applyBorder="1" applyAlignment="1">
      <alignment horizontal="distributed" vertical="center" indent="2"/>
    </xf>
    <xf numFmtId="0" fontId="13" fillId="0" borderId="17" xfId="0" applyFont="1" applyBorder="1" applyAlignment="1">
      <alignment horizontal="distributed" vertical="center" indent="2"/>
    </xf>
    <xf numFmtId="0" fontId="13" fillId="0" borderId="12" xfId="0" applyFont="1" applyBorder="1" applyAlignment="1">
      <alignment horizontal="distributed" vertical="center" indent="2"/>
    </xf>
    <xf numFmtId="177" fontId="6" fillId="0" borderId="1" xfId="0" applyNumberFormat="1" applyFont="1" applyBorder="1" applyAlignment="1" applyProtection="1">
      <alignment horizontal="right" vertical="center"/>
      <protection locked="0"/>
    </xf>
    <xf numFmtId="187" fontId="13" fillId="0" borderId="8" xfId="2" applyNumberFormat="1" applyFont="1" applyFill="1" applyBorder="1" applyAlignment="1" applyProtection="1">
      <alignment horizontal="right" vertical="center"/>
    </xf>
    <xf numFmtId="0" fontId="6" fillId="0" borderId="51" xfId="0" applyFont="1" applyBorder="1" applyAlignment="1">
      <alignment horizontal="distributed" vertical="center" wrapText="1" indent="2" shrinkToFit="1"/>
    </xf>
    <xf numFmtId="0" fontId="6" fillId="0" borderId="52" xfId="0" applyFont="1" applyBorder="1" applyAlignment="1">
      <alignment horizontal="distributed" vertical="center" wrapText="1" indent="2" shrinkToFit="1"/>
    </xf>
    <xf numFmtId="0" fontId="6" fillId="0" borderId="53" xfId="0" applyFont="1" applyBorder="1" applyAlignment="1">
      <alignment horizontal="distributed" vertical="center" wrapText="1" indent="2" shrinkToFit="1"/>
    </xf>
    <xf numFmtId="179" fontId="6" fillId="0" borderId="0" xfId="0" applyNumberFormat="1" applyFont="1" applyAlignment="1">
      <alignment horizontal="right" vertical="center"/>
    </xf>
    <xf numFmtId="177" fontId="6" fillId="0" borderId="34" xfId="0" applyNumberFormat="1" applyFont="1" applyBorder="1" applyAlignment="1">
      <alignment horizontal="right" vertical="center"/>
    </xf>
    <xf numFmtId="177" fontId="6" fillId="0" borderId="1" xfId="0" applyNumberFormat="1" applyFont="1" applyBorder="1" applyAlignment="1">
      <alignment horizontal="right" vertical="center"/>
    </xf>
    <xf numFmtId="0" fontId="6" fillId="0" borderId="58" xfId="0" applyFont="1" applyBorder="1" applyAlignment="1">
      <alignment horizontal="distributed" vertical="center" justifyLastLine="1"/>
    </xf>
    <xf numFmtId="0" fontId="6" fillId="0" borderId="52" xfId="0" applyFont="1" applyBorder="1" applyAlignment="1">
      <alignment horizontal="distributed" vertical="center" justifyLastLine="1"/>
    </xf>
    <xf numFmtId="0" fontId="6" fillId="0" borderId="53" xfId="0" applyFont="1" applyBorder="1" applyAlignment="1">
      <alignment horizontal="distributed" vertical="center" justifyLastLine="1"/>
    </xf>
    <xf numFmtId="179" fontId="6" fillId="0" borderId="19" xfId="0" applyNumberFormat="1" applyFont="1" applyBorder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6" fillId="0" borderId="2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6" fillId="0" borderId="0" xfId="0" applyFont="1" applyAlignment="1">
      <alignment horizontal="distributed" vertical="center" shrinkToFit="1"/>
    </xf>
    <xf numFmtId="0" fontId="6" fillId="0" borderId="8" xfId="0" applyFont="1" applyBorder="1" applyAlignment="1">
      <alignment horizontal="distributed" vertical="center"/>
    </xf>
    <xf numFmtId="0" fontId="6" fillId="0" borderId="28" xfId="0" applyFont="1" applyBorder="1" applyAlignment="1">
      <alignment horizontal="center" vertical="center"/>
    </xf>
    <xf numFmtId="0" fontId="6" fillId="0" borderId="29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39" xfId="0" applyFont="1" applyBorder="1" applyAlignment="1">
      <alignment horizontal="distributed" vertical="center" indent="6"/>
    </xf>
    <xf numFmtId="0" fontId="6" fillId="0" borderId="40" xfId="0" applyFont="1" applyBorder="1" applyAlignment="1">
      <alignment horizontal="distributed" vertical="center" indent="6"/>
    </xf>
    <xf numFmtId="0" fontId="6" fillId="0" borderId="54" xfId="0" applyFont="1" applyBorder="1" applyAlignment="1">
      <alignment horizontal="distributed" vertical="center" indent="6"/>
    </xf>
    <xf numFmtId="187" fontId="11" fillId="0" borderId="34" xfId="0" applyNumberFormat="1" applyFont="1" applyBorder="1" applyAlignment="1">
      <alignment horizontal="right" vertical="center"/>
    </xf>
    <xf numFmtId="187" fontId="11" fillId="0" borderId="1" xfId="0" applyNumberFormat="1" applyFont="1" applyBorder="1" applyAlignment="1">
      <alignment horizontal="right" vertical="center"/>
    </xf>
    <xf numFmtId="189" fontId="11" fillId="0" borderId="17" xfId="0" applyNumberFormat="1" applyFont="1" applyBorder="1" applyAlignment="1">
      <alignment horizontal="right" vertical="center"/>
    </xf>
    <xf numFmtId="189" fontId="11" fillId="0" borderId="35" xfId="0" applyNumberFormat="1" applyFont="1" applyBorder="1" applyAlignment="1">
      <alignment horizontal="right" vertical="center"/>
    </xf>
    <xf numFmtId="192" fontId="11" fillId="0" borderId="1" xfId="0" applyNumberFormat="1" applyFont="1" applyBorder="1" applyAlignment="1" applyProtection="1">
      <alignment horizontal="right" vertical="center" indent="1"/>
      <protection locked="0"/>
    </xf>
    <xf numFmtId="187" fontId="6" fillId="0" borderId="0" xfId="2" applyNumberFormat="1" applyFont="1" applyAlignment="1" applyProtection="1">
      <alignment horizontal="right" vertical="center"/>
    </xf>
    <xf numFmtId="0" fontId="6" fillId="0" borderId="59" xfId="0" applyFont="1" applyBorder="1" applyAlignment="1">
      <alignment horizontal="right" vertical="center"/>
    </xf>
    <xf numFmtId="0" fontId="6" fillId="0" borderId="42" xfId="0" applyFont="1" applyBorder="1" applyAlignment="1">
      <alignment horizontal="right" vertical="center"/>
    </xf>
    <xf numFmtId="0" fontId="6" fillId="0" borderId="25" xfId="0" applyFont="1" applyBorder="1" applyAlignment="1">
      <alignment horizontal="right" vertical="center"/>
    </xf>
    <xf numFmtId="177" fontId="11" fillId="3" borderId="34" xfId="0" applyNumberFormat="1" applyFont="1" applyFill="1" applyBorder="1" applyAlignment="1" applyProtection="1">
      <alignment horizontal="right" vertical="center"/>
      <protection locked="0"/>
    </xf>
    <xf numFmtId="178" fontId="11" fillId="0" borderId="46" xfId="0" applyNumberFormat="1" applyFont="1" applyBorder="1" applyAlignment="1">
      <alignment horizontal="center" vertical="center"/>
    </xf>
    <xf numFmtId="178" fontId="11" fillId="0" borderId="5" xfId="0" applyNumberFormat="1" applyFont="1" applyBorder="1" applyAlignment="1">
      <alignment horizontal="center" vertical="center"/>
    </xf>
    <xf numFmtId="187" fontId="6" fillId="0" borderId="1" xfId="0" applyNumberFormat="1" applyFont="1" applyBorder="1" applyAlignment="1" applyProtection="1">
      <alignment horizontal="right" vertical="center"/>
      <protection locked="0"/>
    </xf>
    <xf numFmtId="189" fontId="6" fillId="0" borderId="1" xfId="0" applyNumberFormat="1" applyFont="1" applyBorder="1" applyAlignment="1">
      <alignment horizontal="right" vertical="center"/>
    </xf>
    <xf numFmtId="187" fontId="11" fillId="3" borderId="1" xfId="0" applyNumberFormat="1" applyFont="1" applyFill="1" applyBorder="1" applyAlignment="1" applyProtection="1">
      <alignment horizontal="right" vertical="center"/>
      <protection locked="0"/>
    </xf>
    <xf numFmtId="187" fontId="11" fillId="3" borderId="18" xfId="0" applyNumberFormat="1" applyFont="1" applyFill="1" applyBorder="1" applyAlignment="1" applyProtection="1">
      <alignment horizontal="right" vertical="center"/>
      <protection locked="0"/>
    </xf>
    <xf numFmtId="187" fontId="6" fillId="0" borderId="17" xfId="0" applyNumberFormat="1" applyFont="1" applyBorder="1" applyAlignment="1" applyProtection="1">
      <alignment horizontal="right" vertical="center"/>
      <protection locked="0"/>
    </xf>
    <xf numFmtId="42" fontId="11" fillId="0" borderId="0" xfId="0" applyNumberFormat="1" applyFont="1" applyAlignment="1">
      <alignment horizontal="right" vertical="center"/>
    </xf>
    <xf numFmtId="42" fontId="11" fillId="0" borderId="20" xfId="0" applyNumberFormat="1" applyFont="1" applyBorder="1" applyAlignment="1">
      <alignment horizontal="right" vertical="center"/>
    </xf>
    <xf numFmtId="42" fontId="11" fillId="0" borderId="0" xfId="0" applyNumberFormat="1" applyFont="1" applyAlignment="1" applyProtection="1">
      <alignment horizontal="right" vertical="center"/>
      <protection locked="0"/>
    </xf>
    <xf numFmtId="0" fontId="6" fillId="0" borderId="31" xfId="0" applyFont="1" applyBorder="1" applyAlignment="1">
      <alignment horizontal="center" vertical="distributed" textRotation="255" wrapText="1" indent="1"/>
    </xf>
    <xf numFmtId="0" fontId="6" fillId="0" borderId="20" xfId="0" applyFont="1" applyBorder="1" applyAlignment="1">
      <alignment horizontal="center" vertical="distributed" textRotation="255" wrapText="1" indent="1"/>
    </xf>
    <xf numFmtId="0" fontId="6" fillId="0" borderId="33" xfId="0" applyFont="1" applyBorder="1" applyAlignment="1">
      <alignment horizontal="center" vertical="distributed" textRotation="255" wrapText="1" indent="1"/>
    </xf>
    <xf numFmtId="177" fontId="6" fillId="0" borderId="0" xfId="0" applyNumberFormat="1" applyFont="1" applyBorder="1" applyAlignment="1" applyProtection="1">
      <alignment horizontal="right" vertical="center"/>
      <protection locked="0"/>
    </xf>
    <xf numFmtId="189" fontId="17" fillId="0" borderId="0" xfId="0" applyNumberFormat="1" applyFont="1" applyAlignment="1">
      <alignment horizontal="right" vertical="center"/>
    </xf>
    <xf numFmtId="187" fontId="17" fillId="0" borderId="0" xfId="0" applyNumberFormat="1" applyFont="1" applyAlignment="1" applyProtection="1">
      <alignment horizontal="right" vertical="center"/>
      <protection locked="0"/>
    </xf>
    <xf numFmtId="189" fontId="11" fillId="0" borderId="1" xfId="0" applyNumberFormat="1" applyFont="1" applyBorder="1" applyAlignment="1">
      <alignment horizontal="right" vertical="center"/>
    </xf>
    <xf numFmtId="189" fontId="11" fillId="0" borderId="18" xfId="0" applyNumberFormat="1" applyFont="1" applyBorder="1" applyAlignment="1">
      <alignment horizontal="right" vertical="center"/>
    </xf>
    <xf numFmtId="176" fontId="11" fillId="3" borderId="17" xfId="0" applyNumberFormat="1" applyFont="1" applyFill="1" applyBorder="1" applyAlignment="1">
      <alignment horizontal="right" vertical="center"/>
    </xf>
    <xf numFmtId="176" fontId="11" fillId="3" borderId="35" xfId="0" applyNumberFormat="1" applyFont="1" applyFill="1" applyBorder="1" applyAlignment="1">
      <alignment horizontal="right" vertical="center"/>
    </xf>
    <xf numFmtId="182" fontId="6" fillId="0" borderId="20" xfId="2" applyNumberFormat="1" applyFont="1" applyFill="1" applyBorder="1" applyAlignment="1" applyProtection="1">
      <alignment horizontal="right" vertical="center"/>
      <protection locked="0"/>
    </xf>
    <xf numFmtId="187" fontId="6" fillId="0" borderId="8" xfId="2" applyNumberFormat="1" applyFont="1" applyFill="1" applyBorder="1" applyAlignment="1" applyProtection="1">
      <alignment horizontal="right" vertical="center"/>
      <protection locked="0"/>
    </xf>
    <xf numFmtId="190" fontId="11" fillId="0" borderId="30" xfId="0" applyNumberFormat="1" applyFont="1" applyBorder="1" applyAlignment="1">
      <alignment horizontal="center" vertical="center"/>
    </xf>
    <xf numFmtId="190" fontId="11" fillId="0" borderId="32" xfId="0" applyNumberFormat="1" applyFont="1" applyBorder="1" applyAlignment="1">
      <alignment horizontal="center" vertical="center"/>
    </xf>
    <xf numFmtId="0" fontId="15" fillId="0" borderId="0" xfId="0" applyFont="1" applyAlignment="1">
      <alignment horizontal="center" vertical="center"/>
    </xf>
    <xf numFmtId="0" fontId="0" fillId="0" borderId="0" xfId="0" applyAlignment="1">
      <alignment vertical="center"/>
    </xf>
  </cellXfs>
  <cellStyles count="4">
    <cellStyle name="パーセント" xfId="1" builtinId="5"/>
    <cellStyle name="桁区切り" xfId="2" builtinId="6"/>
    <cellStyle name="標準" xfId="0" builtinId="0"/>
    <cellStyle name="標準_出先・外部への依頼資料２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99</xdr:row>
      <xdr:rowOff>0</xdr:rowOff>
    </xdr:from>
    <xdr:to>
      <xdr:col>12</xdr:col>
      <xdr:colOff>0</xdr:colOff>
      <xdr:row>101</xdr:row>
      <xdr:rowOff>0</xdr:rowOff>
    </xdr:to>
    <xdr:sp macro="" textlink="">
      <xdr:nvSpPr>
        <xdr:cNvPr id="6641" name="Freeform 3">
          <a:extLst>
            <a:ext uri="{FF2B5EF4-FFF2-40B4-BE49-F238E27FC236}">
              <a16:creationId xmlns:a16="http://schemas.microsoft.com/office/drawing/2014/main" xmlns="" id="{00000000-0008-0000-0000-0000F1190000}"/>
            </a:ext>
          </a:extLst>
        </xdr:cNvPr>
        <xdr:cNvSpPr>
          <a:spLocks/>
        </xdr:cNvSpPr>
      </xdr:nvSpPr>
      <xdr:spPr bwMode="auto">
        <a:xfrm>
          <a:off x="0" y="25250775"/>
          <a:ext cx="2400300" cy="400050"/>
        </a:xfrm>
        <a:custGeom>
          <a:avLst/>
          <a:gdLst>
            <a:gd name="T0" fmla="*/ 2147483646 w 189"/>
            <a:gd name="T1" fmla="*/ 2147483646 h 41"/>
            <a:gd name="T2" fmla="*/ 0 w 189"/>
            <a:gd name="T3" fmla="*/ 0 h 41"/>
            <a:gd name="T4" fmla="*/ 0 60000 65536"/>
            <a:gd name="T5" fmla="*/ 0 60000 65536"/>
            <a:gd name="T6" fmla="*/ 0 w 189"/>
            <a:gd name="T7" fmla="*/ 0 h 41"/>
            <a:gd name="T8" fmla="*/ 189 w 189"/>
            <a:gd name="T9" fmla="*/ 41 h 41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89" h="41">
              <a:moveTo>
                <a:pt x="189" y="41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95</xdr:row>
      <xdr:rowOff>0</xdr:rowOff>
    </xdr:from>
    <xdr:to>
      <xdr:col>4</xdr:col>
      <xdr:colOff>190500</xdr:colOff>
      <xdr:row>197</xdr:row>
      <xdr:rowOff>190500</xdr:rowOff>
    </xdr:to>
    <xdr:sp macro="" textlink="">
      <xdr:nvSpPr>
        <xdr:cNvPr id="6642" name="Freeform 4">
          <a:extLst>
            <a:ext uri="{FF2B5EF4-FFF2-40B4-BE49-F238E27FC236}">
              <a16:creationId xmlns:a16="http://schemas.microsoft.com/office/drawing/2014/main" xmlns="" id="{00000000-0008-0000-0000-0000F2190000}"/>
            </a:ext>
          </a:extLst>
        </xdr:cNvPr>
        <xdr:cNvSpPr>
          <a:spLocks/>
        </xdr:cNvSpPr>
      </xdr:nvSpPr>
      <xdr:spPr bwMode="auto">
        <a:xfrm>
          <a:off x="0" y="44176950"/>
          <a:ext cx="990600" cy="647700"/>
        </a:xfrm>
        <a:custGeom>
          <a:avLst/>
          <a:gdLst>
            <a:gd name="T0" fmla="*/ 2147483646 w 103"/>
            <a:gd name="T1" fmla="*/ 2147483646 h 65"/>
            <a:gd name="T2" fmla="*/ 0 w 103"/>
            <a:gd name="T3" fmla="*/ 0 h 65"/>
            <a:gd name="T4" fmla="*/ 0 60000 65536"/>
            <a:gd name="T5" fmla="*/ 0 60000 65536"/>
            <a:gd name="T6" fmla="*/ 0 w 103"/>
            <a:gd name="T7" fmla="*/ 0 h 65"/>
            <a:gd name="T8" fmla="*/ 103 w 103"/>
            <a:gd name="T9" fmla="*/ 65 h 65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3" h="65">
              <a:moveTo>
                <a:pt x="103" y="65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212</xdr:row>
      <xdr:rowOff>9525</xdr:rowOff>
    </xdr:from>
    <xdr:to>
      <xdr:col>6</xdr:col>
      <xdr:colOff>0</xdr:colOff>
      <xdr:row>214</xdr:row>
      <xdr:rowOff>0</xdr:rowOff>
    </xdr:to>
    <xdr:sp macro="" textlink="">
      <xdr:nvSpPr>
        <xdr:cNvPr id="6643" name="Freeform 5">
          <a:extLst>
            <a:ext uri="{FF2B5EF4-FFF2-40B4-BE49-F238E27FC236}">
              <a16:creationId xmlns:a16="http://schemas.microsoft.com/office/drawing/2014/main" xmlns="" id="{00000000-0008-0000-0000-0000F3190000}"/>
            </a:ext>
          </a:extLst>
        </xdr:cNvPr>
        <xdr:cNvSpPr>
          <a:spLocks/>
        </xdr:cNvSpPr>
      </xdr:nvSpPr>
      <xdr:spPr bwMode="auto">
        <a:xfrm>
          <a:off x="9525" y="47682150"/>
          <a:ext cx="1190625" cy="438150"/>
        </a:xfrm>
        <a:custGeom>
          <a:avLst/>
          <a:gdLst>
            <a:gd name="T0" fmla="*/ 2147483646 w 105"/>
            <a:gd name="T1" fmla="*/ 2147483646 h 43"/>
            <a:gd name="T2" fmla="*/ 0 w 105"/>
            <a:gd name="T3" fmla="*/ 0 h 43"/>
            <a:gd name="T4" fmla="*/ 0 60000 65536"/>
            <a:gd name="T5" fmla="*/ 0 60000 65536"/>
            <a:gd name="T6" fmla="*/ 0 w 105"/>
            <a:gd name="T7" fmla="*/ 0 h 43"/>
            <a:gd name="T8" fmla="*/ 105 w 105"/>
            <a:gd name="T9" fmla="*/ 43 h 43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5" h="43">
              <a:moveTo>
                <a:pt x="105" y="43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51</xdr:row>
      <xdr:rowOff>9525</xdr:rowOff>
    </xdr:from>
    <xdr:to>
      <xdr:col>5</xdr:col>
      <xdr:colOff>0</xdr:colOff>
      <xdr:row>153</xdr:row>
      <xdr:rowOff>0</xdr:rowOff>
    </xdr:to>
    <xdr:sp macro="" textlink="">
      <xdr:nvSpPr>
        <xdr:cNvPr id="6644" name="Freeform 6">
          <a:extLst>
            <a:ext uri="{FF2B5EF4-FFF2-40B4-BE49-F238E27FC236}">
              <a16:creationId xmlns:a16="http://schemas.microsoft.com/office/drawing/2014/main" xmlns="" id="{00000000-0008-0000-0000-0000F4190000}"/>
            </a:ext>
          </a:extLst>
        </xdr:cNvPr>
        <xdr:cNvSpPr>
          <a:spLocks/>
        </xdr:cNvSpPr>
      </xdr:nvSpPr>
      <xdr:spPr bwMode="auto">
        <a:xfrm>
          <a:off x="9525" y="35032950"/>
          <a:ext cx="990600" cy="419100"/>
        </a:xfrm>
        <a:custGeom>
          <a:avLst/>
          <a:gdLst>
            <a:gd name="T0" fmla="*/ 2147483646 w 104"/>
            <a:gd name="T1" fmla="*/ 2147483646 h 43"/>
            <a:gd name="T2" fmla="*/ 0 w 104"/>
            <a:gd name="T3" fmla="*/ 0 h 43"/>
            <a:gd name="T4" fmla="*/ 0 60000 65536"/>
            <a:gd name="T5" fmla="*/ 0 60000 65536"/>
            <a:gd name="T6" fmla="*/ 0 w 104"/>
            <a:gd name="T7" fmla="*/ 0 h 43"/>
            <a:gd name="T8" fmla="*/ 104 w 104"/>
            <a:gd name="T9" fmla="*/ 43 h 43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4" h="43">
              <a:moveTo>
                <a:pt x="104" y="43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25</xdr:row>
      <xdr:rowOff>0</xdr:rowOff>
    </xdr:from>
    <xdr:to>
      <xdr:col>0</xdr:col>
      <xdr:colOff>9525</xdr:colOff>
      <xdr:row>25</xdr:row>
      <xdr:rowOff>0</xdr:rowOff>
    </xdr:to>
    <xdr:sp macro="" textlink="">
      <xdr:nvSpPr>
        <xdr:cNvPr id="6645" name="Line 9">
          <a:extLst>
            <a:ext uri="{FF2B5EF4-FFF2-40B4-BE49-F238E27FC236}">
              <a16:creationId xmlns:a16="http://schemas.microsoft.com/office/drawing/2014/main" xmlns="" id="{00000000-0008-0000-0000-0000F5190000}"/>
            </a:ext>
          </a:extLst>
        </xdr:cNvPr>
        <xdr:cNvSpPr>
          <a:spLocks noChangeShapeType="1"/>
        </xdr:cNvSpPr>
      </xdr:nvSpPr>
      <xdr:spPr bwMode="auto">
        <a:xfrm>
          <a:off x="9525" y="5638800"/>
          <a:ext cx="0" cy="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47</xdr:row>
      <xdr:rowOff>9525</xdr:rowOff>
    </xdr:from>
    <xdr:to>
      <xdr:col>9</xdr:col>
      <xdr:colOff>0</xdr:colOff>
      <xdr:row>49</xdr:row>
      <xdr:rowOff>0</xdr:rowOff>
    </xdr:to>
    <xdr:sp macro="" textlink="">
      <xdr:nvSpPr>
        <xdr:cNvPr id="6646" name="Freeform 13">
          <a:extLst>
            <a:ext uri="{FF2B5EF4-FFF2-40B4-BE49-F238E27FC236}">
              <a16:creationId xmlns:a16="http://schemas.microsoft.com/office/drawing/2014/main" xmlns="" id="{00000000-0008-0000-0000-0000F6190000}"/>
            </a:ext>
          </a:extLst>
        </xdr:cNvPr>
        <xdr:cNvSpPr>
          <a:spLocks/>
        </xdr:cNvSpPr>
      </xdr:nvSpPr>
      <xdr:spPr bwMode="auto">
        <a:xfrm>
          <a:off x="9525" y="11068050"/>
          <a:ext cx="1790700" cy="390525"/>
        </a:xfrm>
        <a:custGeom>
          <a:avLst/>
          <a:gdLst>
            <a:gd name="T0" fmla="*/ 2147483646 w 188"/>
            <a:gd name="T1" fmla="*/ 2147483646 h 33"/>
            <a:gd name="T2" fmla="*/ 2147483646 w 188"/>
            <a:gd name="T3" fmla="*/ 2147483646 h 33"/>
            <a:gd name="T4" fmla="*/ 0 w 188"/>
            <a:gd name="T5" fmla="*/ 0 h 33"/>
            <a:gd name="T6" fmla="*/ 0 60000 65536"/>
            <a:gd name="T7" fmla="*/ 0 60000 65536"/>
            <a:gd name="T8" fmla="*/ 0 60000 65536"/>
            <a:gd name="T9" fmla="*/ 0 w 188"/>
            <a:gd name="T10" fmla="*/ 0 h 33"/>
            <a:gd name="T11" fmla="*/ 188 w 188"/>
            <a:gd name="T12" fmla="*/ 33 h 33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188" h="33">
              <a:moveTo>
                <a:pt x="188" y="33"/>
              </a:moveTo>
              <a:lnTo>
                <a:pt x="188" y="32"/>
              </a:ln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59</xdr:row>
      <xdr:rowOff>9525</xdr:rowOff>
    </xdr:from>
    <xdr:to>
      <xdr:col>5</xdr:col>
      <xdr:colOff>0</xdr:colOff>
      <xdr:row>161</xdr:row>
      <xdr:rowOff>9525</xdr:rowOff>
    </xdr:to>
    <xdr:sp macro="" textlink="">
      <xdr:nvSpPr>
        <xdr:cNvPr id="6647" name="Line 17">
          <a:extLst>
            <a:ext uri="{FF2B5EF4-FFF2-40B4-BE49-F238E27FC236}">
              <a16:creationId xmlns:a16="http://schemas.microsoft.com/office/drawing/2014/main" xmlns="" id="{00000000-0008-0000-0000-0000F7190000}"/>
            </a:ext>
          </a:extLst>
        </xdr:cNvPr>
        <xdr:cNvSpPr>
          <a:spLocks noChangeShapeType="1"/>
        </xdr:cNvSpPr>
      </xdr:nvSpPr>
      <xdr:spPr bwMode="auto">
        <a:xfrm flipH="1" flipV="1">
          <a:off x="0" y="36614100"/>
          <a:ext cx="1000125" cy="4191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25</xdr:row>
      <xdr:rowOff>9525</xdr:rowOff>
    </xdr:from>
    <xdr:to>
      <xdr:col>5</xdr:col>
      <xdr:colOff>0</xdr:colOff>
      <xdr:row>27</xdr:row>
      <xdr:rowOff>0</xdr:rowOff>
    </xdr:to>
    <xdr:sp macro="" textlink="">
      <xdr:nvSpPr>
        <xdr:cNvPr id="6648" name="Line 20">
          <a:extLst>
            <a:ext uri="{FF2B5EF4-FFF2-40B4-BE49-F238E27FC236}">
              <a16:creationId xmlns:a16="http://schemas.microsoft.com/office/drawing/2014/main" xmlns="" id="{00000000-0008-0000-0000-0000F819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5648325"/>
          <a:ext cx="990600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3</xdr:row>
      <xdr:rowOff>9525</xdr:rowOff>
    </xdr:from>
    <xdr:to>
      <xdr:col>4</xdr:col>
      <xdr:colOff>0</xdr:colOff>
      <xdr:row>15</xdr:row>
      <xdr:rowOff>0</xdr:rowOff>
    </xdr:to>
    <xdr:sp macro="" textlink="">
      <xdr:nvSpPr>
        <xdr:cNvPr id="6649" name="Line 42">
          <a:extLst>
            <a:ext uri="{FF2B5EF4-FFF2-40B4-BE49-F238E27FC236}">
              <a16:creationId xmlns:a16="http://schemas.microsoft.com/office/drawing/2014/main" xmlns="" id="{00000000-0008-0000-0000-0000F919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2867025"/>
          <a:ext cx="790575" cy="4857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</xdr:row>
      <xdr:rowOff>9525</xdr:rowOff>
    </xdr:from>
    <xdr:to>
      <xdr:col>7</xdr:col>
      <xdr:colOff>0</xdr:colOff>
      <xdr:row>7</xdr:row>
      <xdr:rowOff>0</xdr:rowOff>
    </xdr:to>
    <xdr:sp macro="" textlink="">
      <xdr:nvSpPr>
        <xdr:cNvPr id="6650" name="Line 54">
          <a:extLst>
            <a:ext uri="{FF2B5EF4-FFF2-40B4-BE49-F238E27FC236}">
              <a16:creationId xmlns:a16="http://schemas.microsoft.com/office/drawing/2014/main" xmlns="" id="{00000000-0008-0000-0000-0000FA190000}"/>
            </a:ext>
          </a:extLst>
        </xdr:cNvPr>
        <xdr:cNvSpPr>
          <a:spLocks noChangeShapeType="1"/>
        </xdr:cNvSpPr>
      </xdr:nvSpPr>
      <xdr:spPr bwMode="auto">
        <a:xfrm flipH="1" flipV="1">
          <a:off x="0" y="904875"/>
          <a:ext cx="1400175" cy="5905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67</xdr:row>
      <xdr:rowOff>0</xdr:rowOff>
    </xdr:from>
    <xdr:to>
      <xdr:col>4</xdr:col>
      <xdr:colOff>190500</xdr:colOff>
      <xdr:row>169</xdr:row>
      <xdr:rowOff>0</xdr:rowOff>
    </xdr:to>
    <xdr:sp macro="" textlink="">
      <xdr:nvSpPr>
        <xdr:cNvPr id="6651" name="Line 55">
          <a:extLst>
            <a:ext uri="{FF2B5EF4-FFF2-40B4-BE49-F238E27FC236}">
              <a16:creationId xmlns:a16="http://schemas.microsoft.com/office/drawing/2014/main" xmlns="" id="{00000000-0008-0000-0000-0000FB190000}"/>
            </a:ext>
          </a:extLst>
        </xdr:cNvPr>
        <xdr:cNvSpPr>
          <a:spLocks noChangeShapeType="1"/>
        </xdr:cNvSpPr>
      </xdr:nvSpPr>
      <xdr:spPr bwMode="auto">
        <a:xfrm flipH="1" flipV="1">
          <a:off x="0" y="38195250"/>
          <a:ext cx="990600" cy="4191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28</xdr:row>
      <xdr:rowOff>0</xdr:rowOff>
    </xdr:from>
    <xdr:to>
      <xdr:col>12</xdr:col>
      <xdr:colOff>0</xdr:colOff>
      <xdr:row>130</xdr:row>
      <xdr:rowOff>0</xdr:rowOff>
    </xdr:to>
    <xdr:sp macro="" textlink="">
      <xdr:nvSpPr>
        <xdr:cNvPr id="6652" name="Line 58">
          <a:extLst>
            <a:ext uri="{FF2B5EF4-FFF2-40B4-BE49-F238E27FC236}">
              <a16:creationId xmlns:a16="http://schemas.microsoft.com/office/drawing/2014/main" xmlns="" id="{00000000-0008-0000-0000-0000FC190000}"/>
            </a:ext>
          </a:extLst>
        </xdr:cNvPr>
        <xdr:cNvSpPr>
          <a:spLocks noChangeShapeType="1"/>
        </xdr:cNvSpPr>
      </xdr:nvSpPr>
      <xdr:spPr bwMode="auto">
        <a:xfrm>
          <a:off x="0" y="31070550"/>
          <a:ext cx="2400300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87</xdr:row>
      <xdr:rowOff>0</xdr:rowOff>
    </xdr:from>
    <xdr:to>
      <xdr:col>7</xdr:col>
      <xdr:colOff>0</xdr:colOff>
      <xdr:row>90</xdr:row>
      <xdr:rowOff>0</xdr:rowOff>
    </xdr:to>
    <xdr:sp macro="" textlink="">
      <xdr:nvSpPr>
        <xdr:cNvPr id="6653" name="Line 60">
          <a:extLst>
            <a:ext uri="{FF2B5EF4-FFF2-40B4-BE49-F238E27FC236}">
              <a16:creationId xmlns:a16="http://schemas.microsoft.com/office/drawing/2014/main" xmlns="" id="{00000000-0008-0000-0000-0000FD190000}"/>
            </a:ext>
          </a:extLst>
        </xdr:cNvPr>
        <xdr:cNvSpPr>
          <a:spLocks noChangeShapeType="1"/>
        </xdr:cNvSpPr>
      </xdr:nvSpPr>
      <xdr:spPr bwMode="auto">
        <a:xfrm>
          <a:off x="0" y="21917025"/>
          <a:ext cx="1400175" cy="14382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78</xdr:row>
      <xdr:rowOff>0</xdr:rowOff>
    </xdr:from>
    <xdr:to>
      <xdr:col>5</xdr:col>
      <xdr:colOff>0</xdr:colOff>
      <xdr:row>180</xdr:row>
      <xdr:rowOff>9525</xdr:rowOff>
    </xdr:to>
    <xdr:sp macro="" textlink="">
      <xdr:nvSpPr>
        <xdr:cNvPr id="6654" name="Freeform 1">
          <a:extLst>
            <a:ext uri="{FF2B5EF4-FFF2-40B4-BE49-F238E27FC236}">
              <a16:creationId xmlns:a16="http://schemas.microsoft.com/office/drawing/2014/main" xmlns="" id="{00000000-0008-0000-0000-0000FE190000}"/>
            </a:ext>
          </a:extLst>
        </xdr:cNvPr>
        <xdr:cNvSpPr>
          <a:spLocks/>
        </xdr:cNvSpPr>
      </xdr:nvSpPr>
      <xdr:spPr bwMode="auto">
        <a:xfrm>
          <a:off x="0" y="40452675"/>
          <a:ext cx="1000125" cy="466725"/>
        </a:xfrm>
        <a:custGeom>
          <a:avLst/>
          <a:gdLst>
            <a:gd name="T0" fmla="*/ 2147483646 w 105"/>
            <a:gd name="T1" fmla="*/ 2147483646 h 43"/>
            <a:gd name="T2" fmla="*/ 0 w 105"/>
            <a:gd name="T3" fmla="*/ 0 h 43"/>
            <a:gd name="T4" fmla="*/ 0 60000 65536"/>
            <a:gd name="T5" fmla="*/ 0 60000 65536"/>
            <a:gd name="T6" fmla="*/ 0 w 105"/>
            <a:gd name="T7" fmla="*/ 0 h 43"/>
            <a:gd name="T8" fmla="*/ 105 w 105"/>
            <a:gd name="T9" fmla="*/ 43 h 43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5" h="43">
              <a:moveTo>
                <a:pt x="105" y="43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33</xdr:row>
      <xdr:rowOff>0</xdr:rowOff>
    </xdr:from>
    <xdr:to>
      <xdr:col>6</xdr:col>
      <xdr:colOff>0</xdr:colOff>
      <xdr:row>36</xdr:row>
      <xdr:rowOff>0</xdr:rowOff>
    </xdr:to>
    <xdr:sp macro="" textlink="">
      <xdr:nvSpPr>
        <xdr:cNvPr id="6655" name="Line 59">
          <a:extLst>
            <a:ext uri="{FF2B5EF4-FFF2-40B4-BE49-F238E27FC236}">
              <a16:creationId xmlns:a16="http://schemas.microsoft.com/office/drawing/2014/main" xmlns="" id="{00000000-0008-0000-0000-0000FF190000}"/>
            </a:ext>
          </a:extLst>
        </xdr:cNvPr>
        <xdr:cNvSpPr>
          <a:spLocks noChangeShapeType="1"/>
        </xdr:cNvSpPr>
      </xdr:nvSpPr>
      <xdr:spPr bwMode="auto">
        <a:xfrm>
          <a:off x="0" y="7477125"/>
          <a:ext cx="1200150" cy="8096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86</xdr:row>
      <xdr:rowOff>9525</xdr:rowOff>
    </xdr:from>
    <xdr:to>
      <xdr:col>4</xdr:col>
      <xdr:colOff>190500</xdr:colOff>
      <xdr:row>189</xdr:row>
      <xdr:rowOff>0</xdr:rowOff>
    </xdr:to>
    <xdr:sp macro="" textlink="">
      <xdr:nvSpPr>
        <xdr:cNvPr id="6656" name="Freeform 1">
          <a:extLst>
            <a:ext uri="{FF2B5EF4-FFF2-40B4-BE49-F238E27FC236}">
              <a16:creationId xmlns:a16="http://schemas.microsoft.com/office/drawing/2014/main" xmlns="" id="{00000000-0008-0000-0000-0000001A0000}"/>
            </a:ext>
          </a:extLst>
        </xdr:cNvPr>
        <xdr:cNvSpPr>
          <a:spLocks/>
        </xdr:cNvSpPr>
      </xdr:nvSpPr>
      <xdr:spPr bwMode="auto">
        <a:xfrm>
          <a:off x="9525" y="42243375"/>
          <a:ext cx="981075" cy="733425"/>
        </a:xfrm>
        <a:custGeom>
          <a:avLst/>
          <a:gdLst>
            <a:gd name="T0" fmla="*/ 2147483646 w 103"/>
            <a:gd name="T1" fmla="*/ 2147483646 h 65"/>
            <a:gd name="T2" fmla="*/ 0 w 103"/>
            <a:gd name="T3" fmla="*/ 0 h 65"/>
            <a:gd name="T4" fmla="*/ 0 60000 65536"/>
            <a:gd name="T5" fmla="*/ 0 60000 65536"/>
            <a:gd name="T6" fmla="*/ 0 w 103"/>
            <a:gd name="T7" fmla="*/ 0 h 65"/>
            <a:gd name="T8" fmla="*/ 103 w 103"/>
            <a:gd name="T9" fmla="*/ 65 h 65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3" h="65">
              <a:moveTo>
                <a:pt x="103" y="65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204</xdr:row>
      <xdr:rowOff>9525</xdr:rowOff>
    </xdr:from>
    <xdr:to>
      <xdr:col>5</xdr:col>
      <xdr:colOff>9525</xdr:colOff>
      <xdr:row>206</xdr:row>
      <xdr:rowOff>0</xdr:rowOff>
    </xdr:to>
    <xdr:sp macro="" textlink="">
      <xdr:nvSpPr>
        <xdr:cNvPr id="6657" name="Freeform 2">
          <a:extLst>
            <a:ext uri="{FF2B5EF4-FFF2-40B4-BE49-F238E27FC236}">
              <a16:creationId xmlns:a16="http://schemas.microsoft.com/office/drawing/2014/main" xmlns="" id="{00000000-0008-0000-0000-0000011A0000}"/>
            </a:ext>
          </a:extLst>
        </xdr:cNvPr>
        <xdr:cNvSpPr>
          <a:spLocks/>
        </xdr:cNvSpPr>
      </xdr:nvSpPr>
      <xdr:spPr bwMode="auto">
        <a:xfrm>
          <a:off x="9525" y="46043850"/>
          <a:ext cx="1000125" cy="447675"/>
        </a:xfrm>
        <a:custGeom>
          <a:avLst/>
          <a:gdLst>
            <a:gd name="T0" fmla="*/ 2147483646 w 105"/>
            <a:gd name="T1" fmla="*/ 2147483646 h 43"/>
            <a:gd name="T2" fmla="*/ 0 w 105"/>
            <a:gd name="T3" fmla="*/ 0 h 43"/>
            <a:gd name="T4" fmla="*/ 0 60000 65536"/>
            <a:gd name="T5" fmla="*/ 0 60000 65536"/>
            <a:gd name="T6" fmla="*/ 0 w 105"/>
            <a:gd name="T7" fmla="*/ 0 h 43"/>
            <a:gd name="T8" fmla="*/ 105 w 105"/>
            <a:gd name="T9" fmla="*/ 43 h 43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5" h="43">
              <a:moveTo>
                <a:pt x="105" y="43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AN234"/>
  <sheetViews>
    <sheetView showGridLines="0" tabSelected="1" view="pageBreakPreview" zoomScaleNormal="100" zoomScaleSheetLayoutView="100" workbookViewId="0">
      <selection activeCell="AI3" sqref="AI3"/>
    </sheetView>
  </sheetViews>
  <sheetFormatPr defaultRowHeight="16.5" customHeight="1"/>
  <cols>
    <col min="1" max="34" width="2.625" style="41" customWidth="1"/>
    <col min="35" max="16384" width="9" style="41"/>
  </cols>
  <sheetData>
    <row r="1" spans="1:39" s="2" customFormat="1" ht="20.100000000000001" customHeight="1">
      <c r="A1" s="448" t="s">
        <v>70</v>
      </c>
      <c r="B1" s="448"/>
      <c r="C1" s="448"/>
      <c r="D1" s="448"/>
      <c r="E1" s="448"/>
      <c r="F1" s="448"/>
      <c r="G1" s="448"/>
      <c r="H1" s="448"/>
      <c r="I1" s="448"/>
      <c r="J1" s="448"/>
      <c r="K1" s="448"/>
      <c r="L1" s="448"/>
      <c r="M1" s="448"/>
      <c r="N1" s="448"/>
      <c r="O1" s="448"/>
      <c r="P1" s="448"/>
      <c r="Q1" s="448"/>
      <c r="R1" s="448"/>
      <c r="S1" s="448"/>
      <c r="T1" s="448"/>
      <c r="U1" s="448"/>
      <c r="V1" s="448"/>
      <c r="W1" s="448"/>
      <c r="X1" s="448"/>
      <c r="Y1" s="448"/>
      <c r="Z1" s="448"/>
      <c r="AA1" s="448"/>
      <c r="AB1" s="448"/>
      <c r="AC1" s="448"/>
      <c r="AD1" s="448"/>
      <c r="AE1" s="448"/>
      <c r="AF1" s="448"/>
      <c r="AG1" s="448"/>
    </row>
    <row r="2" spans="1:39" s="2" customFormat="1" ht="15.95" customHeight="1">
      <c r="A2" s="34"/>
      <c r="B2" s="34"/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4"/>
      <c r="P2" s="34"/>
      <c r="Q2" s="34"/>
      <c r="R2" s="34"/>
      <c r="S2" s="34"/>
      <c r="T2" s="34"/>
      <c r="U2" s="34"/>
      <c r="V2" s="34"/>
      <c r="W2" s="34"/>
      <c r="X2" s="34"/>
      <c r="Y2" s="34"/>
      <c r="Z2" s="34"/>
      <c r="AA2" s="34"/>
      <c r="AB2" s="34"/>
      <c r="AC2" s="34"/>
      <c r="AD2" s="34"/>
      <c r="AE2" s="34"/>
      <c r="AF2" s="34"/>
      <c r="AG2" s="34"/>
    </row>
    <row r="3" spans="1:39" s="2" customFormat="1" ht="20.100000000000001" customHeight="1">
      <c r="A3" s="3" t="s">
        <v>71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</row>
    <row r="4" spans="1:39" s="2" customFormat="1" ht="15.95" customHeight="1">
      <c r="A4" s="4"/>
      <c r="B4" s="2" t="s">
        <v>195</v>
      </c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4"/>
      <c r="V4" s="4"/>
      <c r="W4" s="4"/>
      <c r="X4" s="4"/>
      <c r="AA4" s="5"/>
      <c r="AB4" s="5"/>
      <c r="AC4" s="5"/>
      <c r="AD4" s="5"/>
      <c r="AE4" s="5"/>
      <c r="AF4" s="5"/>
      <c r="AG4" s="6" t="s">
        <v>72</v>
      </c>
    </row>
    <row r="5" spans="1:39" s="2" customFormat="1" ht="15.95" customHeight="1">
      <c r="A5" s="288" t="s">
        <v>24</v>
      </c>
      <c r="B5" s="289"/>
      <c r="C5" s="289"/>
      <c r="D5" s="289"/>
      <c r="E5" s="289"/>
      <c r="F5" s="289"/>
      <c r="G5" s="290"/>
      <c r="H5" s="451" t="s">
        <v>92</v>
      </c>
      <c r="I5" s="452"/>
      <c r="J5" s="452"/>
      <c r="K5" s="452"/>
      <c r="L5" s="452"/>
      <c r="M5" s="452"/>
      <c r="N5" s="452"/>
      <c r="O5" s="452"/>
      <c r="P5" s="452"/>
      <c r="Q5" s="452"/>
      <c r="R5" s="452"/>
      <c r="S5" s="452"/>
      <c r="T5" s="452"/>
      <c r="U5" s="452"/>
      <c r="V5" s="452"/>
      <c r="W5" s="452"/>
      <c r="X5" s="452"/>
      <c r="Y5" s="452"/>
      <c r="Z5" s="452"/>
      <c r="AA5" s="452"/>
      <c r="AB5" s="452"/>
      <c r="AC5" s="452"/>
      <c r="AD5" s="452"/>
      <c r="AE5" s="452"/>
      <c r="AF5" s="452"/>
      <c r="AG5" s="453"/>
    </row>
    <row r="6" spans="1:39" s="2" customFormat="1" ht="15.95" customHeight="1">
      <c r="A6" s="462"/>
      <c r="B6" s="463"/>
      <c r="C6" s="463"/>
      <c r="D6" s="463"/>
      <c r="E6" s="463"/>
      <c r="F6" s="463"/>
      <c r="G6" s="464"/>
      <c r="H6" s="465" t="s">
        <v>93</v>
      </c>
      <c r="I6" s="466"/>
      <c r="J6" s="466"/>
      <c r="K6" s="466"/>
      <c r="L6" s="466"/>
      <c r="M6" s="467"/>
      <c r="N6" s="479" t="s">
        <v>94</v>
      </c>
      <c r="O6" s="480"/>
      <c r="P6" s="480"/>
      <c r="Q6" s="480"/>
      <c r="R6" s="480"/>
      <c r="S6" s="480"/>
      <c r="T6" s="480"/>
      <c r="U6" s="480"/>
      <c r="V6" s="480"/>
      <c r="W6" s="481"/>
      <c r="X6" s="465" t="s">
        <v>95</v>
      </c>
      <c r="Y6" s="466"/>
      <c r="Z6" s="466"/>
      <c r="AA6" s="466"/>
      <c r="AB6" s="467"/>
      <c r="AC6" s="456" t="s">
        <v>96</v>
      </c>
      <c r="AD6" s="457"/>
      <c r="AE6" s="457"/>
      <c r="AF6" s="457"/>
      <c r="AG6" s="458"/>
    </row>
    <row r="7" spans="1:39" s="2" customFormat="1" ht="15.95" customHeight="1">
      <c r="A7" s="285" t="s">
        <v>194</v>
      </c>
      <c r="B7" s="286"/>
      <c r="C7" s="286"/>
      <c r="D7" s="286"/>
      <c r="E7" s="286"/>
      <c r="F7" s="286"/>
      <c r="G7" s="287"/>
      <c r="H7" s="468"/>
      <c r="I7" s="469"/>
      <c r="J7" s="469"/>
      <c r="K7" s="469"/>
      <c r="L7" s="469"/>
      <c r="M7" s="470"/>
      <c r="N7" s="482" t="s">
        <v>98</v>
      </c>
      <c r="O7" s="483"/>
      <c r="P7" s="483"/>
      <c r="Q7" s="483"/>
      <c r="R7" s="484"/>
      <c r="S7" s="482" t="s">
        <v>99</v>
      </c>
      <c r="T7" s="483"/>
      <c r="U7" s="483"/>
      <c r="V7" s="483"/>
      <c r="W7" s="484"/>
      <c r="X7" s="468"/>
      <c r="Y7" s="469"/>
      <c r="Z7" s="469"/>
      <c r="AA7" s="469"/>
      <c r="AB7" s="470"/>
      <c r="AC7" s="459"/>
      <c r="AD7" s="460"/>
      <c r="AE7" s="460"/>
      <c r="AF7" s="460"/>
      <c r="AG7" s="461"/>
    </row>
    <row r="8" spans="1:39" s="2" customFormat="1" ht="19.5" customHeight="1">
      <c r="A8" s="393">
        <v>4</v>
      </c>
      <c r="B8" s="394"/>
      <c r="C8" s="394"/>
      <c r="D8" s="394"/>
      <c r="E8" s="394"/>
      <c r="F8" s="394"/>
      <c r="G8" s="395"/>
      <c r="H8" s="471">
        <v>1</v>
      </c>
      <c r="I8" s="314"/>
      <c r="J8" s="314"/>
      <c r="K8" s="314"/>
      <c r="L8" s="314"/>
      <c r="M8" s="314"/>
      <c r="N8" s="454">
        <v>4</v>
      </c>
      <c r="O8" s="454"/>
      <c r="P8" s="454"/>
      <c r="Q8" s="454"/>
      <c r="R8" s="454"/>
      <c r="S8" s="454">
        <v>660</v>
      </c>
      <c r="T8" s="454"/>
      <c r="U8" s="454"/>
      <c r="V8" s="454"/>
      <c r="W8" s="454"/>
      <c r="X8" s="454">
        <v>59</v>
      </c>
      <c r="Y8" s="454"/>
      <c r="Z8" s="454"/>
      <c r="AA8" s="454"/>
      <c r="AB8" s="454"/>
      <c r="AC8" s="454">
        <v>35</v>
      </c>
      <c r="AD8" s="454"/>
      <c r="AE8" s="454"/>
      <c r="AF8" s="454"/>
      <c r="AG8" s="455"/>
    </row>
    <row r="9" spans="1:39" s="2" customFormat="1" ht="20.100000000000001" customHeight="1">
      <c r="A9" s="406">
        <v>5</v>
      </c>
      <c r="B9" s="407"/>
      <c r="C9" s="407"/>
      <c r="D9" s="407"/>
      <c r="E9" s="407"/>
      <c r="F9" s="407"/>
      <c r="G9" s="408"/>
      <c r="H9" s="476">
        <v>1</v>
      </c>
      <c r="I9" s="148"/>
      <c r="J9" s="148"/>
      <c r="K9" s="148"/>
      <c r="L9" s="148"/>
      <c r="M9" s="148"/>
      <c r="N9" s="477">
        <v>4</v>
      </c>
      <c r="O9" s="477"/>
      <c r="P9" s="477"/>
      <c r="Q9" s="477"/>
      <c r="R9" s="477"/>
      <c r="S9" s="477">
        <v>660</v>
      </c>
      <c r="T9" s="477"/>
      <c r="U9" s="477"/>
      <c r="V9" s="477"/>
      <c r="W9" s="477"/>
      <c r="X9" s="477">
        <v>60</v>
      </c>
      <c r="Y9" s="477"/>
      <c r="Z9" s="477"/>
      <c r="AA9" s="477"/>
      <c r="AB9" s="477"/>
      <c r="AC9" s="477">
        <v>36</v>
      </c>
      <c r="AD9" s="477"/>
      <c r="AE9" s="477"/>
      <c r="AF9" s="477"/>
      <c r="AG9" s="478"/>
      <c r="AM9" s="67"/>
    </row>
    <row r="10" spans="1:39" s="2" customFormat="1" ht="20.100000000000001" customHeight="1">
      <c r="A10" s="410">
        <v>6</v>
      </c>
      <c r="B10" s="411"/>
      <c r="C10" s="411"/>
      <c r="D10" s="411"/>
      <c r="E10" s="411"/>
      <c r="F10" s="411"/>
      <c r="G10" s="412"/>
      <c r="H10" s="238">
        <v>1</v>
      </c>
      <c r="I10" s="239"/>
      <c r="J10" s="239"/>
      <c r="K10" s="239"/>
      <c r="L10" s="239"/>
      <c r="M10" s="239"/>
      <c r="N10" s="450">
        <v>4</v>
      </c>
      <c r="O10" s="450"/>
      <c r="P10" s="450"/>
      <c r="Q10" s="450"/>
      <c r="R10" s="450"/>
      <c r="S10" s="450">
        <v>660</v>
      </c>
      <c r="T10" s="450"/>
      <c r="U10" s="450"/>
      <c r="V10" s="450"/>
      <c r="W10" s="450"/>
      <c r="X10" s="450">
        <v>61</v>
      </c>
      <c r="Y10" s="450"/>
      <c r="Z10" s="450"/>
      <c r="AA10" s="450"/>
      <c r="AB10" s="450"/>
      <c r="AC10" s="450">
        <v>36</v>
      </c>
      <c r="AD10" s="450"/>
      <c r="AE10" s="450"/>
      <c r="AF10" s="450"/>
      <c r="AG10" s="485"/>
    </row>
    <row r="11" spans="1:39" s="1" customFormat="1" ht="13.5" customHeight="1">
      <c r="A11" s="9"/>
      <c r="B11" s="10"/>
      <c r="C11" s="7"/>
      <c r="D11" s="7"/>
      <c r="E11" s="7"/>
      <c r="F11" s="7"/>
      <c r="G11" s="7"/>
      <c r="H11" s="7"/>
      <c r="J11" s="7"/>
      <c r="K11" s="7"/>
      <c r="L11" s="7"/>
      <c r="M11" s="7"/>
      <c r="N11" s="7"/>
      <c r="O11" s="7"/>
      <c r="P11" s="7"/>
      <c r="Q11" s="7"/>
      <c r="R11" s="7"/>
      <c r="S11" s="7"/>
      <c r="T11" s="7"/>
      <c r="U11" s="7"/>
      <c r="V11" s="7"/>
      <c r="W11" s="7"/>
      <c r="X11" s="7"/>
      <c r="Y11" s="7"/>
      <c r="AA11" s="11"/>
      <c r="AB11" s="11"/>
      <c r="AC11" s="11"/>
      <c r="AD11" s="11"/>
      <c r="AE11" s="11"/>
      <c r="AF11" s="11"/>
      <c r="AG11" s="11" t="s">
        <v>0</v>
      </c>
    </row>
    <row r="12" spans="1:39" s="2" customFormat="1" ht="15.95" customHeight="1">
      <c r="A12" s="26"/>
      <c r="B12" s="26"/>
    </row>
    <row r="13" spans="1:39" s="2" customFormat="1" ht="20.100000000000001" customHeight="1">
      <c r="A13" s="12" t="s">
        <v>1</v>
      </c>
      <c r="AE13" s="13"/>
      <c r="AF13" s="13"/>
      <c r="AG13" s="6" t="s">
        <v>2</v>
      </c>
    </row>
    <row r="14" spans="1:39" s="2" customFormat="1" ht="20.100000000000001" customHeight="1">
      <c r="A14" s="288" t="s">
        <v>16</v>
      </c>
      <c r="B14" s="289"/>
      <c r="C14" s="289"/>
      <c r="D14" s="290"/>
      <c r="E14" s="472" t="s">
        <v>17</v>
      </c>
      <c r="F14" s="473"/>
      <c r="G14" s="474"/>
      <c r="H14" s="426" t="s">
        <v>18</v>
      </c>
      <c r="I14" s="427"/>
      <c r="J14" s="427"/>
      <c r="K14" s="427"/>
      <c r="L14" s="427"/>
      <c r="M14" s="427"/>
      <c r="N14" s="427"/>
      <c r="O14" s="427"/>
      <c r="P14" s="428"/>
      <c r="Q14" s="586" t="s">
        <v>19</v>
      </c>
      <c r="R14" s="587"/>
      <c r="S14" s="587"/>
      <c r="T14" s="587"/>
      <c r="U14" s="587"/>
      <c r="V14" s="587"/>
      <c r="W14" s="587"/>
      <c r="X14" s="587"/>
      <c r="Y14" s="587"/>
      <c r="Z14" s="587"/>
      <c r="AA14" s="587"/>
      <c r="AB14" s="587"/>
      <c r="AC14" s="587"/>
      <c r="AD14" s="587"/>
      <c r="AE14" s="588"/>
      <c r="AF14" s="431" t="s">
        <v>20</v>
      </c>
      <c r="AG14" s="432"/>
    </row>
    <row r="15" spans="1:39" s="2" customFormat="1" ht="20.100000000000001" customHeight="1">
      <c r="A15" s="285" t="s">
        <v>23</v>
      </c>
      <c r="B15" s="286"/>
      <c r="C15" s="286"/>
      <c r="D15" s="287"/>
      <c r="E15" s="475"/>
      <c r="F15" s="463"/>
      <c r="G15" s="464"/>
      <c r="H15" s="583" t="s">
        <v>100</v>
      </c>
      <c r="I15" s="584"/>
      <c r="J15" s="585"/>
      <c r="K15" s="435" t="s">
        <v>101</v>
      </c>
      <c r="L15" s="436"/>
      <c r="M15" s="437"/>
      <c r="N15" s="356" t="s">
        <v>102</v>
      </c>
      <c r="O15" s="357"/>
      <c r="P15" s="358"/>
      <c r="Q15" s="359" t="s">
        <v>103</v>
      </c>
      <c r="R15" s="360"/>
      <c r="S15" s="361"/>
      <c r="T15" s="359" t="s">
        <v>104</v>
      </c>
      <c r="U15" s="360"/>
      <c r="V15" s="361"/>
      <c r="W15" s="359" t="s">
        <v>105</v>
      </c>
      <c r="X15" s="360"/>
      <c r="Y15" s="361"/>
      <c r="Z15" s="435" t="s">
        <v>21</v>
      </c>
      <c r="AA15" s="436"/>
      <c r="AB15" s="437"/>
      <c r="AC15" s="178" t="s">
        <v>22</v>
      </c>
      <c r="AD15" s="179"/>
      <c r="AE15" s="180"/>
      <c r="AF15" s="433"/>
      <c r="AG15" s="434"/>
    </row>
    <row r="16" spans="1:39" s="2" customFormat="1" ht="18.75" customHeight="1">
      <c r="A16" s="107">
        <v>4</v>
      </c>
      <c r="B16" s="108"/>
      <c r="C16" s="108"/>
      <c r="D16" s="109"/>
      <c r="E16" s="110">
        <v>245</v>
      </c>
      <c r="F16" s="111"/>
      <c r="G16" s="111"/>
      <c r="H16" s="112">
        <v>86</v>
      </c>
      <c r="I16" s="112"/>
      <c r="J16" s="112"/>
      <c r="K16" s="113">
        <v>25</v>
      </c>
      <c r="L16" s="113"/>
      <c r="M16" s="113"/>
      <c r="N16" s="112">
        <v>134</v>
      </c>
      <c r="O16" s="112"/>
      <c r="P16" s="112"/>
      <c r="Q16" s="113">
        <v>156</v>
      </c>
      <c r="R16" s="113"/>
      <c r="S16" s="113"/>
      <c r="T16" s="113">
        <v>35</v>
      </c>
      <c r="U16" s="113"/>
      <c r="V16" s="113"/>
      <c r="W16" s="355" t="s">
        <v>80</v>
      </c>
      <c r="X16" s="355"/>
      <c r="Y16" s="355"/>
      <c r="Z16" s="113">
        <v>6</v>
      </c>
      <c r="AA16" s="113"/>
      <c r="AB16" s="113"/>
      <c r="AC16" s="112">
        <v>48</v>
      </c>
      <c r="AD16" s="112"/>
      <c r="AE16" s="112"/>
      <c r="AF16" s="113">
        <v>1</v>
      </c>
      <c r="AG16" s="364"/>
    </row>
    <row r="17" spans="1:37" s="2" customFormat="1" ht="20.100000000000001" customHeight="1">
      <c r="A17" s="62"/>
      <c r="B17" s="63"/>
      <c r="C17" s="63"/>
      <c r="D17" s="64"/>
      <c r="E17" s="119">
        <v>193</v>
      </c>
      <c r="F17" s="106"/>
      <c r="G17" s="106"/>
      <c r="H17" s="106">
        <v>68</v>
      </c>
      <c r="I17" s="106"/>
      <c r="J17" s="106"/>
      <c r="K17" s="106">
        <v>23</v>
      </c>
      <c r="L17" s="106"/>
      <c r="M17" s="106"/>
      <c r="N17" s="106">
        <v>102</v>
      </c>
      <c r="O17" s="106"/>
      <c r="P17" s="106"/>
      <c r="Q17" s="106">
        <v>128</v>
      </c>
      <c r="R17" s="106"/>
      <c r="S17" s="106"/>
      <c r="T17" s="106">
        <v>28</v>
      </c>
      <c r="U17" s="106"/>
      <c r="V17" s="106"/>
      <c r="W17" s="106" t="s">
        <v>200</v>
      </c>
      <c r="X17" s="106"/>
      <c r="Y17" s="106"/>
      <c r="Z17" s="106">
        <v>5</v>
      </c>
      <c r="AA17" s="106"/>
      <c r="AB17" s="106"/>
      <c r="AC17" s="106">
        <v>32</v>
      </c>
      <c r="AD17" s="106"/>
      <c r="AE17" s="106"/>
      <c r="AF17" s="106" t="s">
        <v>196</v>
      </c>
      <c r="AG17" s="365"/>
    </row>
    <row r="18" spans="1:37" s="2" customFormat="1" ht="20.100000000000001" customHeight="1">
      <c r="A18" s="114">
        <v>5</v>
      </c>
      <c r="B18" s="115"/>
      <c r="C18" s="115"/>
      <c r="D18" s="116"/>
      <c r="E18" s="117">
        <v>898</v>
      </c>
      <c r="F18" s="118"/>
      <c r="G18" s="118"/>
      <c r="H18" s="112">
        <v>107</v>
      </c>
      <c r="I18" s="112"/>
      <c r="J18" s="112"/>
      <c r="K18" s="112">
        <v>228</v>
      </c>
      <c r="L18" s="112"/>
      <c r="M18" s="112"/>
      <c r="N18" s="112">
        <v>563</v>
      </c>
      <c r="O18" s="112"/>
      <c r="P18" s="112"/>
      <c r="Q18" s="112">
        <v>837</v>
      </c>
      <c r="R18" s="112"/>
      <c r="S18" s="112"/>
      <c r="T18" s="112">
        <v>31</v>
      </c>
      <c r="U18" s="112"/>
      <c r="V18" s="112"/>
      <c r="W18" s="362">
        <v>1</v>
      </c>
      <c r="X18" s="362"/>
      <c r="Y18" s="362"/>
      <c r="Z18" s="112">
        <v>6</v>
      </c>
      <c r="AA18" s="112"/>
      <c r="AB18" s="112"/>
      <c r="AC18" s="112">
        <v>23</v>
      </c>
      <c r="AD18" s="112"/>
      <c r="AE18" s="112"/>
      <c r="AF18" s="112">
        <v>2</v>
      </c>
      <c r="AG18" s="363"/>
    </row>
    <row r="19" spans="1:37" s="2" customFormat="1" ht="18.75" customHeight="1">
      <c r="A19" s="62"/>
      <c r="B19" s="63"/>
      <c r="C19" s="63"/>
      <c r="D19" s="64"/>
      <c r="E19" s="119">
        <v>739</v>
      </c>
      <c r="F19" s="106"/>
      <c r="G19" s="106"/>
      <c r="H19" s="106">
        <v>87</v>
      </c>
      <c r="I19" s="106"/>
      <c r="J19" s="106"/>
      <c r="K19" s="106">
        <v>192</v>
      </c>
      <c r="L19" s="106"/>
      <c r="M19" s="106"/>
      <c r="N19" s="106">
        <v>460</v>
      </c>
      <c r="O19" s="106"/>
      <c r="P19" s="106"/>
      <c r="Q19" s="106">
        <v>690</v>
      </c>
      <c r="R19" s="106"/>
      <c r="S19" s="106"/>
      <c r="T19" s="106">
        <v>27</v>
      </c>
      <c r="U19" s="106"/>
      <c r="V19" s="106"/>
      <c r="W19" s="106" t="s">
        <v>200</v>
      </c>
      <c r="X19" s="106"/>
      <c r="Y19" s="106"/>
      <c r="Z19" s="106">
        <v>5</v>
      </c>
      <c r="AA19" s="106"/>
      <c r="AB19" s="106"/>
      <c r="AC19" s="106">
        <v>17</v>
      </c>
      <c r="AD19" s="106"/>
      <c r="AE19" s="106"/>
      <c r="AF19" s="106" t="s">
        <v>196</v>
      </c>
      <c r="AG19" s="365"/>
    </row>
    <row r="20" spans="1:37" s="2" customFormat="1" ht="20.100000000000001" customHeight="1">
      <c r="A20" s="320">
        <v>6</v>
      </c>
      <c r="B20" s="321"/>
      <c r="C20" s="321"/>
      <c r="D20" s="322"/>
      <c r="E20" s="429">
        <v>818</v>
      </c>
      <c r="F20" s="430"/>
      <c r="G20" s="430"/>
      <c r="H20" s="339">
        <v>96</v>
      </c>
      <c r="I20" s="339"/>
      <c r="J20" s="339"/>
      <c r="K20" s="339">
        <v>147</v>
      </c>
      <c r="L20" s="339"/>
      <c r="M20" s="339"/>
      <c r="N20" s="339">
        <v>575</v>
      </c>
      <c r="O20" s="339"/>
      <c r="P20" s="339"/>
      <c r="Q20" s="339">
        <v>726</v>
      </c>
      <c r="R20" s="339"/>
      <c r="S20" s="339"/>
      <c r="T20" s="339">
        <v>58</v>
      </c>
      <c r="U20" s="339"/>
      <c r="V20" s="339"/>
      <c r="W20" s="339">
        <v>1</v>
      </c>
      <c r="X20" s="339"/>
      <c r="Y20" s="339"/>
      <c r="Z20" s="339">
        <v>8</v>
      </c>
      <c r="AA20" s="339"/>
      <c r="AB20" s="339"/>
      <c r="AC20" s="339">
        <v>25</v>
      </c>
      <c r="AD20" s="339"/>
      <c r="AE20" s="339"/>
      <c r="AF20" s="339">
        <v>2</v>
      </c>
      <c r="AG20" s="449"/>
    </row>
    <row r="21" spans="1:37" s="2" customFormat="1" ht="20.100000000000001" customHeight="1">
      <c r="A21" s="65"/>
      <c r="B21" s="66"/>
      <c r="C21" s="66"/>
      <c r="D21" s="66"/>
      <c r="E21" s="446">
        <v>716</v>
      </c>
      <c r="F21" s="447"/>
      <c r="G21" s="447"/>
      <c r="H21" s="346">
        <v>81</v>
      </c>
      <c r="I21" s="346"/>
      <c r="J21" s="346"/>
      <c r="K21" s="346">
        <v>133</v>
      </c>
      <c r="L21" s="346"/>
      <c r="M21" s="346"/>
      <c r="N21" s="346">
        <v>502</v>
      </c>
      <c r="O21" s="346"/>
      <c r="P21" s="346"/>
      <c r="Q21" s="346">
        <v>640</v>
      </c>
      <c r="R21" s="346"/>
      <c r="S21" s="346"/>
      <c r="T21" s="346">
        <v>48</v>
      </c>
      <c r="U21" s="346"/>
      <c r="V21" s="346"/>
      <c r="W21" s="346">
        <v>1</v>
      </c>
      <c r="X21" s="346"/>
      <c r="Y21" s="346"/>
      <c r="Z21" s="346">
        <v>7</v>
      </c>
      <c r="AA21" s="346"/>
      <c r="AB21" s="346"/>
      <c r="AC21" s="346">
        <v>20</v>
      </c>
      <c r="AD21" s="346"/>
      <c r="AE21" s="346"/>
      <c r="AF21" s="353" t="s">
        <v>196</v>
      </c>
      <c r="AG21" s="354"/>
    </row>
    <row r="22" spans="1:37" s="1" customFormat="1" ht="13.5" customHeight="1">
      <c r="A22" s="9" t="s">
        <v>191</v>
      </c>
      <c r="B22" s="14"/>
      <c r="C22" s="14"/>
      <c r="E22" s="14"/>
      <c r="F22" s="14"/>
      <c r="G22" s="14"/>
      <c r="H22" s="14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  <c r="T22" s="7"/>
      <c r="U22" s="7"/>
      <c r="V22" s="7"/>
      <c r="W22" s="7"/>
      <c r="X22" s="7"/>
      <c r="Y22" s="7"/>
      <c r="AA22" s="11"/>
      <c r="AB22" s="11"/>
      <c r="AC22" s="11"/>
      <c r="AD22" s="11"/>
      <c r="AE22" s="11"/>
      <c r="AF22" s="11"/>
      <c r="AG22" s="11" t="s">
        <v>180</v>
      </c>
    </row>
    <row r="23" spans="1:37" s="1" customFormat="1" ht="15.95" customHeight="1">
      <c r="A23" s="9" t="s">
        <v>192</v>
      </c>
      <c r="B23" s="14"/>
      <c r="C23" s="14"/>
      <c r="E23" s="14"/>
      <c r="F23" s="14"/>
      <c r="G23" s="14"/>
      <c r="H23" s="14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  <c r="T23" s="7"/>
      <c r="U23" s="7"/>
      <c r="V23" s="7"/>
      <c r="W23" s="7"/>
      <c r="X23" s="7"/>
      <c r="Y23" s="7"/>
      <c r="AA23" s="11"/>
      <c r="AB23" s="11"/>
      <c r="AC23" s="11"/>
      <c r="AD23" s="11"/>
      <c r="AE23" s="11"/>
      <c r="AF23" s="11"/>
      <c r="AG23" s="11"/>
    </row>
    <row r="24" spans="1:37" s="1" customFormat="1" ht="15.95" customHeight="1">
      <c r="A24" s="9"/>
      <c r="B24" s="14"/>
      <c r="C24" s="14"/>
      <c r="E24" s="14"/>
      <c r="F24" s="14"/>
      <c r="G24" s="14"/>
      <c r="H24" s="14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  <c r="T24" s="7"/>
      <c r="U24" s="7"/>
      <c r="V24" s="7"/>
      <c r="W24" s="7"/>
      <c r="X24" s="7"/>
      <c r="Y24" s="7"/>
      <c r="AA24" s="11"/>
      <c r="AB24" s="11"/>
      <c r="AC24" s="11"/>
      <c r="AD24" s="11"/>
      <c r="AE24" s="11"/>
      <c r="AF24" s="11"/>
      <c r="AG24" s="11"/>
    </row>
    <row r="25" spans="1:37" s="2" customFormat="1" ht="20.100000000000001" customHeight="1">
      <c r="A25" s="12" t="s">
        <v>77</v>
      </c>
      <c r="AD25" s="13"/>
      <c r="AE25" s="13"/>
      <c r="AF25" s="13"/>
      <c r="AG25" s="6" t="s">
        <v>3</v>
      </c>
    </row>
    <row r="26" spans="1:37" s="2" customFormat="1" ht="15.95" customHeight="1">
      <c r="A26" s="288" t="s">
        <v>24</v>
      </c>
      <c r="B26" s="289"/>
      <c r="C26" s="289"/>
      <c r="D26" s="289"/>
      <c r="E26" s="290"/>
      <c r="F26" s="243" t="s">
        <v>25</v>
      </c>
      <c r="G26" s="244"/>
      <c r="H26" s="244"/>
      <c r="I26" s="244"/>
      <c r="J26" s="244"/>
      <c r="K26" s="244"/>
      <c r="L26" s="245"/>
      <c r="M26" s="380" t="s">
        <v>189</v>
      </c>
      <c r="N26" s="381"/>
      <c r="O26" s="381"/>
      <c r="P26" s="381"/>
      <c r="Q26" s="381"/>
      <c r="R26" s="381"/>
      <c r="S26" s="382"/>
      <c r="T26" s="243" t="s">
        <v>26</v>
      </c>
      <c r="U26" s="244"/>
      <c r="V26" s="244"/>
      <c r="W26" s="244"/>
      <c r="X26" s="244"/>
      <c r="Y26" s="244"/>
      <c r="Z26" s="245"/>
      <c r="AA26" s="243" t="s">
        <v>27</v>
      </c>
      <c r="AB26" s="244"/>
      <c r="AC26" s="244"/>
      <c r="AD26" s="244"/>
      <c r="AE26" s="244"/>
      <c r="AF26" s="244"/>
      <c r="AG26" s="378"/>
    </row>
    <row r="27" spans="1:37" s="2" customFormat="1" ht="15.95" customHeight="1">
      <c r="A27" s="285" t="s">
        <v>28</v>
      </c>
      <c r="B27" s="286"/>
      <c r="C27" s="286"/>
      <c r="D27" s="286"/>
      <c r="E27" s="287"/>
      <c r="F27" s="246"/>
      <c r="G27" s="247"/>
      <c r="H27" s="247"/>
      <c r="I27" s="247"/>
      <c r="J27" s="247"/>
      <c r="K27" s="247"/>
      <c r="L27" s="248"/>
      <c r="M27" s="383"/>
      <c r="N27" s="384"/>
      <c r="O27" s="384"/>
      <c r="P27" s="384"/>
      <c r="Q27" s="384"/>
      <c r="R27" s="384"/>
      <c r="S27" s="385"/>
      <c r="T27" s="246"/>
      <c r="U27" s="247"/>
      <c r="V27" s="247"/>
      <c r="W27" s="247"/>
      <c r="X27" s="247"/>
      <c r="Y27" s="247"/>
      <c r="Z27" s="248"/>
      <c r="AA27" s="246"/>
      <c r="AB27" s="247"/>
      <c r="AC27" s="247"/>
      <c r="AD27" s="247"/>
      <c r="AE27" s="247"/>
      <c r="AF27" s="247"/>
      <c r="AG27" s="379"/>
    </row>
    <row r="28" spans="1:37" s="2" customFormat="1" ht="20.100000000000001" customHeight="1">
      <c r="A28" s="282">
        <v>4</v>
      </c>
      <c r="B28" s="283"/>
      <c r="C28" s="283"/>
      <c r="D28" s="283"/>
      <c r="E28" s="284"/>
      <c r="F28" s="347">
        <v>18222</v>
      </c>
      <c r="G28" s="348"/>
      <c r="H28" s="348"/>
      <c r="I28" s="348"/>
      <c r="J28" s="348"/>
      <c r="K28" s="348"/>
      <c r="L28" s="348"/>
      <c r="M28" s="348">
        <v>984</v>
      </c>
      <c r="N28" s="348"/>
      <c r="O28" s="348"/>
      <c r="P28" s="348"/>
      <c r="Q28" s="348"/>
      <c r="R28" s="348"/>
      <c r="S28" s="348"/>
      <c r="T28" s="345">
        <v>5.4</v>
      </c>
      <c r="U28" s="345"/>
      <c r="V28" s="345"/>
      <c r="W28" s="345"/>
      <c r="X28" s="345"/>
      <c r="Y28" s="345"/>
      <c r="Z28" s="345"/>
      <c r="AA28" s="348" t="s">
        <v>80</v>
      </c>
      <c r="AB28" s="348"/>
      <c r="AC28" s="348"/>
      <c r="AD28" s="348"/>
      <c r="AE28" s="348"/>
      <c r="AF28" s="348"/>
      <c r="AG28" s="352"/>
      <c r="AK28" s="15"/>
    </row>
    <row r="29" spans="1:37" s="2" customFormat="1" ht="20.100000000000001" customHeight="1">
      <c r="A29" s="294">
        <v>5</v>
      </c>
      <c r="B29" s="295"/>
      <c r="C29" s="295"/>
      <c r="D29" s="295"/>
      <c r="E29" s="296"/>
      <c r="F29" s="331">
        <v>18330</v>
      </c>
      <c r="G29" s="332"/>
      <c r="H29" s="332"/>
      <c r="I29" s="332"/>
      <c r="J29" s="332"/>
      <c r="K29" s="332"/>
      <c r="L29" s="332"/>
      <c r="M29" s="349">
        <v>940</v>
      </c>
      <c r="N29" s="349"/>
      <c r="O29" s="349"/>
      <c r="P29" s="349"/>
      <c r="Q29" s="349"/>
      <c r="R29" s="349"/>
      <c r="S29" s="349"/>
      <c r="T29" s="425">
        <v>5.0999999999999996</v>
      </c>
      <c r="U29" s="425"/>
      <c r="V29" s="425"/>
      <c r="W29" s="425"/>
      <c r="X29" s="425"/>
      <c r="Y29" s="425"/>
      <c r="Z29" s="425"/>
      <c r="AA29" s="349" t="s">
        <v>80</v>
      </c>
      <c r="AB29" s="349"/>
      <c r="AC29" s="349"/>
      <c r="AD29" s="349"/>
      <c r="AE29" s="349"/>
      <c r="AF29" s="349"/>
      <c r="AG29" s="350"/>
      <c r="AK29" s="15"/>
    </row>
    <row r="30" spans="1:37" s="2" customFormat="1" ht="20.100000000000001" customHeight="1">
      <c r="A30" s="299">
        <v>6</v>
      </c>
      <c r="B30" s="300"/>
      <c r="C30" s="300"/>
      <c r="D30" s="300"/>
      <c r="E30" s="301"/>
      <c r="F30" s="333">
        <v>18360</v>
      </c>
      <c r="G30" s="334"/>
      <c r="H30" s="334"/>
      <c r="I30" s="334"/>
      <c r="J30" s="334"/>
      <c r="K30" s="334"/>
      <c r="L30" s="334"/>
      <c r="M30" s="334">
        <v>1028</v>
      </c>
      <c r="N30" s="334"/>
      <c r="O30" s="334"/>
      <c r="P30" s="334"/>
      <c r="Q30" s="334"/>
      <c r="R30" s="334"/>
      <c r="S30" s="334"/>
      <c r="T30" s="351">
        <v>5.6</v>
      </c>
      <c r="U30" s="351"/>
      <c r="V30" s="351"/>
      <c r="W30" s="351"/>
      <c r="X30" s="351"/>
      <c r="Y30" s="351"/>
      <c r="Z30" s="351"/>
      <c r="AA30" s="334" t="s">
        <v>80</v>
      </c>
      <c r="AB30" s="334"/>
      <c r="AC30" s="334"/>
      <c r="AD30" s="334"/>
      <c r="AE30" s="334"/>
      <c r="AF30" s="334"/>
      <c r="AG30" s="424"/>
    </row>
    <row r="31" spans="1:37" s="2" customFormat="1" ht="13.5" customHeight="1">
      <c r="A31" s="16"/>
      <c r="B31" s="17"/>
      <c r="C31" s="17"/>
      <c r="D31" s="17"/>
      <c r="E31" s="18"/>
      <c r="F31" s="18"/>
      <c r="G31" s="18"/>
      <c r="H31" s="18"/>
      <c r="I31" s="18"/>
      <c r="J31" s="19"/>
      <c r="K31" s="19"/>
      <c r="L31" s="19"/>
      <c r="M31" s="19"/>
      <c r="N31" s="19"/>
      <c r="O31" s="19"/>
      <c r="P31" s="19"/>
      <c r="Q31" s="19"/>
      <c r="R31" s="19"/>
      <c r="S31" s="19"/>
      <c r="T31" s="19"/>
      <c r="U31" s="19"/>
      <c r="V31" s="20"/>
      <c r="W31" s="20"/>
      <c r="X31" s="20"/>
      <c r="Y31" s="20"/>
      <c r="Z31" s="20"/>
      <c r="AA31" s="20"/>
      <c r="AB31" s="19"/>
      <c r="AC31" s="19"/>
      <c r="AD31" s="19"/>
      <c r="AE31" s="19"/>
      <c r="AF31" s="19"/>
      <c r="AG31" s="11" t="s">
        <v>180</v>
      </c>
    </row>
    <row r="32" spans="1:37" s="1" customFormat="1" ht="15.95" customHeight="1">
      <c r="A32" s="16"/>
      <c r="AA32" s="11"/>
      <c r="AB32" s="11"/>
      <c r="AC32" s="11"/>
      <c r="AD32" s="11"/>
      <c r="AE32" s="11"/>
      <c r="AF32" s="11"/>
      <c r="AG32" s="8"/>
    </row>
    <row r="33" spans="1:33" s="2" customFormat="1" ht="26.1" customHeight="1">
      <c r="A33" s="12" t="s">
        <v>183</v>
      </c>
      <c r="AF33" s="5"/>
      <c r="AG33" s="21" t="s">
        <v>5</v>
      </c>
    </row>
    <row r="34" spans="1:33" s="2" customFormat="1" ht="26.1" customHeight="1">
      <c r="A34" s="288" t="s">
        <v>115</v>
      </c>
      <c r="B34" s="289"/>
      <c r="C34" s="289"/>
      <c r="D34" s="289"/>
      <c r="E34" s="289"/>
      <c r="F34" s="290"/>
      <c r="G34" s="142">
        <v>4</v>
      </c>
      <c r="H34" s="143"/>
      <c r="I34" s="143"/>
      <c r="J34" s="143"/>
      <c r="K34" s="143"/>
      <c r="L34" s="143"/>
      <c r="M34" s="143"/>
      <c r="N34" s="143"/>
      <c r="O34" s="144"/>
      <c r="P34" s="142">
        <v>5</v>
      </c>
      <c r="Q34" s="143"/>
      <c r="R34" s="143"/>
      <c r="S34" s="143"/>
      <c r="T34" s="143"/>
      <c r="U34" s="143"/>
      <c r="V34" s="143"/>
      <c r="W34" s="143"/>
      <c r="X34" s="144"/>
      <c r="Y34" s="369">
        <v>6</v>
      </c>
      <c r="Z34" s="369"/>
      <c r="AA34" s="369"/>
      <c r="AB34" s="369"/>
      <c r="AC34" s="369"/>
      <c r="AD34" s="369"/>
      <c r="AE34" s="369"/>
      <c r="AF34" s="369"/>
      <c r="AG34" s="370"/>
    </row>
    <row r="35" spans="1:33" s="2" customFormat="1" ht="26.1" customHeight="1">
      <c r="A35" s="579"/>
      <c r="B35" s="578"/>
      <c r="C35" s="578"/>
      <c r="D35" s="578"/>
      <c r="E35" s="578"/>
      <c r="F35" s="580"/>
      <c r="G35" s="145"/>
      <c r="H35" s="146"/>
      <c r="I35" s="146"/>
      <c r="J35" s="146"/>
      <c r="K35" s="146"/>
      <c r="L35" s="146"/>
      <c r="M35" s="146"/>
      <c r="N35" s="146"/>
      <c r="O35" s="147"/>
      <c r="P35" s="145"/>
      <c r="Q35" s="146"/>
      <c r="R35" s="146"/>
      <c r="S35" s="146"/>
      <c r="T35" s="146"/>
      <c r="U35" s="146"/>
      <c r="V35" s="146"/>
      <c r="W35" s="146"/>
      <c r="X35" s="147"/>
      <c r="Y35" s="371"/>
      <c r="Z35" s="371"/>
      <c r="AA35" s="371"/>
      <c r="AB35" s="371"/>
      <c r="AC35" s="371"/>
      <c r="AD35" s="371"/>
      <c r="AE35" s="371"/>
      <c r="AF35" s="371"/>
      <c r="AG35" s="372"/>
    </row>
    <row r="36" spans="1:33" s="2" customFormat="1" ht="12.95" customHeight="1">
      <c r="A36" s="285" t="s">
        <v>16</v>
      </c>
      <c r="B36" s="286"/>
      <c r="C36" s="286"/>
      <c r="D36" s="286"/>
      <c r="E36" s="286"/>
      <c r="F36" s="287"/>
      <c r="G36" s="336" t="s">
        <v>17</v>
      </c>
      <c r="H36" s="337"/>
      <c r="I36" s="338"/>
      <c r="J36" s="336" t="s">
        <v>87</v>
      </c>
      <c r="K36" s="337"/>
      <c r="L36" s="338"/>
      <c r="M36" s="336" t="s">
        <v>88</v>
      </c>
      <c r="N36" s="337"/>
      <c r="O36" s="338"/>
      <c r="P36" s="336" t="s">
        <v>17</v>
      </c>
      <c r="Q36" s="337"/>
      <c r="R36" s="338"/>
      <c r="S36" s="336" t="s">
        <v>87</v>
      </c>
      <c r="T36" s="337"/>
      <c r="U36" s="338"/>
      <c r="V36" s="336" t="s">
        <v>88</v>
      </c>
      <c r="W36" s="337"/>
      <c r="X36" s="337"/>
      <c r="Y36" s="366" t="s">
        <v>17</v>
      </c>
      <c r="Z36" s="367"/>
      <c r="AA36" s="368"/>
      <c r="AB36" s="366" t="s">
        <v>87</v>
      </c>
      <c r="AC36" s="367"/>
      <c r="AD36" s="368"/>
      <c r="AE36" s="366" t="s">
        <v>88</v>
      </c>
      <c r="AF36" s="367"/>
      <c r="AG36" s="376"/>
    </row>
    <row r="37" spans="1:33" s="2" customFormat="1" ht="19.5" customHeight="1">
      <c r="A37" s="328" t="s">
        <v>116</v>
      </c>
      <c r="B37" s="329"/>
      <c r="C37" s="329"/>
      <c r="D37" s="329"/>
      <c r="E37" s="329"/>
      <c r="F37" s="330"/>
      <c r="G37" s="396">
        <v>500</v>
      </c>
      <c r="H37" s="156"/>
      <c r="I37" s="156"/>
      <c r="J37" s="156">
        <v>38</v>
      </c>
      <c r="K37" s="156"/>
      <c r="L37" s="156"/>
      <c r="M37" s="335">
        <v>7.6</v>
      </c>
      <c r="N37" s="335"/>
      <c r="O37" s="335"/>
      <c r="P37" s="605">
        <v>453</v>
      </c>
      <c r="Q37" s="605"/>
      <c r="R37" s="605"/>
      <c r="S37" s="605">
        <v>23</v>
      </c>
      <c r="T37" s="605"/>
      <c r="U37" s="605"/>
      <c r="V37" s="335">
        <v>5.0772626931567331</v>
      </c>
      <c r="W37" s="335"/>
      <c r="X37" s="335"/>
      <c r="Y37" s="377">
        <v>386</v>
      </c>
      <c r="Z37" s="377"/>
      <c r="AA37" s="377"/>
      <c r="AB37" s="377">
        <v>39</v>
      </c>
      <c r="AC37" s="377"/>
      <c r="AD37" s="377"/>
      <c r="AE37" s="591">
        <v>10.103626943005182</v>
      </c>
      <c r="AF37" s="591"/>
      <c r="AG37" s="592"/>
    </row>
    <row r="38" spans="1:33" s="2" customFormat="1" ht="19.5" customHeight="1">
      <c r="A38" s="328" t="s">
        <v>117</v>
      </c>
      <c r="B38" s="329"/>
      <c r="C38" s="329"/>
      <c r="D38" s="329"/>
      <c r="E38" s="329"/>
      <c r="F38" s="330"/>
      <c r="G38" s="327">
        <v>2510</v>
      </c>
      <c r="H38" s="157"/>
      <c r="I38" s="157"/>
      <c r="J38" s="157">
        <v>48</v>
      </c>
      <c r="K38" s="157"/>
      <c r="L38" s="157"/>
      <c r="M38" s="326">
        <v>1.9123505976095616</v>
      </c>
      <c r="N38" s="326"/>
      <c r="O38" s="326"/>
      <c r="P38" s="207">
        <v>2638</v>
      </c>
      <c r="Q38" s="207"/>
      <c r="R38" s="207"/>
      <c r="S38" s="207">
        <v>55</v>
      </c>
      <c r="T38" s="207"/>
      <c r="U38" s="207"/>
      <c r="V38" s="326">
        <v>2.0849128127369223</v>
      </c>
      <c r="W38" s="326"/>
      <c r="X38" s="326"/>
      <c r="Y38" s="375">
        <v>2240</v>
      </c>
      <c r="Z38" s="375"/>
      <c r="AA38" s="375"/>
      <c r="AB38" s="375">
        <v>51</v>
      </c>
      <c r="AC38" s="375"/>
      <c r="AD38" s="375"/>
      <c r="AE38" s="373">
        <v>2.276785714285714</v>
      </c>
      <c r="AF38" s="373"/>
      <c r="AG38" s="374"/>
    </row>
    <row r="39" spans="1:33" s="1" customFormat="1" ht="19.5" customHeight="1">
      <c r="A39" s="328" t="s">
        <v>118</v>
      </c>
      <c r="B39" s="329"/>
      <c r="C39" s="329"/>
      <c r="D39" s="329"/>
      <c r="E39" s="329"/>
      <c r="F39" s="330"/>
      <c r="G39" s="327">
        <v>659</v>
      </c>
      <c r="H39" s="157"/>
      <c r="I39" s="157"/>
      <c r="J39" s="157">
        <v>15</v>
      </c>
      <c r="K39" s="157"/>
      <c r="L39" s="157"/>
      <c r="M39" s="326">
        <v>2.2761760242792106</v>
      </c>
      <c r="N39" s="326"/>
      <c r="O39" s="326"/>
      <c r="P39" s="207">
        <v>645</v>
      </c>
      <c r="Q39" s="207"/>
      <c r="R39" s="207"/>
      <c r="S39" s="207">
        <v>16</v>
      </c>
      <c r="T39" s="207"/>
      <c r="U39" s="207"/>
      <c r="V39" s="326">
        <v>2.4806201550387597</v>
      </c>
      <c r="W39" s="326"/>
      <c r="X39" s="326"/>
      <c r="Y39" s="375">
        <v>631</v>
      </c>
      <c r="Z39" s="375"/>
      <c r="AA39" s="375"/>
      <c r="AB39" s="375">
        <v>7</v>
      </c>
      <c r="AC39" s="375"/>
      <c r="AD39" s="375"/>
      <c r="AE39" s="373">
        <v>1.1093502377179081</v>
      </c>
      <c r="AF39" s="373"/>
      <c r="AG39" s="374"/>
    </row>
    <row r="40" spans="1:33" s="1" customFormat="1" ht="19.5" customHeight="1">
      <c r="A40" s="328" t="s">
        <v>119</v>
      </c>
      <c r="B40" s="329"/>
      <c r="C40" s="329"/>
      <c r="D40" s="329"/>
      <c r="E40" s="329"/>
      <c r="F40" s="330"/>
      <c r="G40" s="327">
        <v>1535</v>
      </c>
      <c r="H40" s="157"/>
      <c r="I40" s="157"/>
      <c r="J40" s="157">
        <v>116</v>
      </c>
      <c r="K40" s="157"/>
      <c r="L40" s="157"/>
      <c r="M40" s="326">
        <v>7.55700325732899</v>
      </c>
      <c r="N40" s="326"/>
      <c r="O40" s="326"/>
      <c r="P40" s="207">
        <v>1529</v>
      </c>
      <c r="Q40" s="207"/>
      <c r="R40" s="207"/>
      <c r="S40" s="207">
        <v>91</v>
      </c>
      <c r="T40" s="207"/>
      <c r="U40" s="207"/>
      <c r="V40" s="326">
        <v>5.9516023544800527</v>
      </c>
      <c r="W40" s="326"/>
      <c r="X40" s="326"/>
      <c r="Y40" s="375">
        <v>1549</v>
      </c>
      <c r="Z40" s="375"/>
      <c r="AA40" s="375"/>
      <c r="AB40" s="375">
        <v>93</v>
      </c>
      <c r="AC40" s="375"/>
      <c r="AD40" s="375"/>
      <c r="AE40" s="373">
        <v>6.0038734667527436</v>
      </c>
      <c r="AF40" s="373"/>
      <c r="AG40" s="374"/>
    </row>
    <row r="41" spans="1:33" s="1" customFormat="1" ht="19.5" customHeight="1">
      <c r="A41" s="328" t="s">
        <v>120</v>
      </c>
      <c r="B41" s="329"/>
      <c r="C41" s="329"/>
      <c r="D41" s="329"/>
      <c r="E41" s="329"/>
      <c r="F41" s="330"/>
      <c r="G41" s="327">
        <v>1255</v>
      </c>
      <c r="H41" s="157"/>
      <c r="I41" s="157"/>
      <c r="J41" s="157">
        <v>64</v>
      </c>
      <c r="K41" s="157"/>
      <c r="L41" s="157"/>
      <c r="M41" s="326">
        <v>5.0996015936254979</v>
      </c>
      <c r="N41" s="326"/>
      <c r="O41" s="326"/>
      <c r="P41" s="207">
        <v>1187</v>
      </c>
      <c r="Q41" s="207"/>
      <c r="R41" s="207"/>
      <c r="S41" s="207">
        <v>62</v>
      </c>
      <c r="T41" s="207"/>
      <c r="U41" s="207"/>
      <c r="V41" s="326">
        <v>5.2232518955349621</v>
      </c>
      <c r="W41" s="326"/>
      <c r="X41" s="326"/>
      <c r="Y41" s="375">
        <v>1203</v>
      </c>
      <c r="Z41" s="375"/>
      <c r="AA41" s="375"/>
      <c r="AB41" s="375">
        <v>64</v>
      </c>
      <c r="AC41" s="375"/>
      <c r="AD41" s="375"/>
      <c r="AE41" s="373">
        <v>5.320033250207814</v>
      </c>
      <c r="AF41" s="373"/>
      <c r="AG41" s="374"/>
    </row>
    <row r="42" spans="1:33" s="1" customFormat="1" ht="23.25" customHeight="1">
      <c r="A42" s="342" t="s">
        <v>121</v>
      </c>
      <c r="B42" s="343"/>
      <c r="C42" s="343"/>
      <c r="D42" s="343"/>
      <c r="E42" s="343"/>
      <c r="F42" s="344"/>
      <c r="G42" s="327">
        <v>391</v>
      </c>
      <c r="H42" s="157"/>
      <c r="I42" s="157"/>
      <c r="J42" s="157" t="s">
        <v>80</v>
      </c>
      <c r="K42" s="157"/>
      <c r="L42" s="157"/>
      <c r="M42" s="326" t="s">
        <v>80</v>
      </c>
      <c r="N42" s="326"/>
      <c r="O42" s="326"/>
      <c r="P42" s="207">
        <v>374</v>
      </c>
      <c r="Q42" s="207"/>
      <c r="R42" s="207"/>
      <c r="S42" s="207" t="s">
        <v>80</v>
      </c>
      <c r="T42" s="207"/>
      <c r="U42" s="207"/>
      <c r="V42" s="326" t="s">
        <v>80</v>
      </c>
      <c r="W42" s="326"/>
      <c r="X42" s="326"/>
      <c r="Y42" s="375">
        <v>390</v>
      </c>
      <c r="Z42" s="375"/>
      <c r="AA42" s="375"/>
      <c r="AB42" s="608" t="s">
        <v>80</v>
      </c>
      <c r="AC42" s="608"/>
      <c r="AD42" s="608"/>
      <c r="AE42" s="606" t="s">
        <v>80</v>
      </c>
      <c r="AF42" s="606"/>
      <c r="AG42" s="607"/>
    </row>
    <row r="43" spans="1:33" s="1" customFormat="1" ht="22.5" customHeight="1">
      <c r="A43" s="328" t="s">
        <v>188</v>
      </c>
      <c r="B43" s="329"/>
      <c r="C43" s="329"/>
      <c r="D43" s="329"/>
      <c r="E43" s="329"/>
      <c r="F43" s="330"/>
      <c r="G43" s="327">
        <v>82</v>
      </c>
      <c r="H43" s="157"/>
      <c r="I43" s="157"/>
      <c r="J43" s="157">
        <v>4</v>
      </c>
      <c r="K43" s="157"/>
      <c r="L43" s="157"/>
      <c r="M43" s="326">
        <v>4.8780487804878048</v>
      </c>
      <c r="N43" s="326"/>
      <c r="O43" s="326"/>
      <c r="P43" s="207">
        <v>97</v>
      </c>
      <c r="Q43" s="207"/>
      <c r="R43" s="207"/>
      <c r="S43" s="614">
        <v>3</v>
      </c>
      <c r="T43" s="614"/>
      <c r="U43" s="614"/>
      <c r="V43" s="613">
        <v>3.0927835051546393</v>
      </c>
      <c r="W43" s="613"/>
      <c r="X43" s="613"/>
      <c r="Y43" s="375">
        <v>199</v>
      </c>
      <c r="Z43" s="375"/>
      <c r="AA43" s="375"/>
      <c r="AB43" s="375">
        <v>14</v>
      </c>
      <c r="AC43" s="375"/>
      <c r="AD43" s="375"/>
      <c r="AE43" s="373">
        <v>7.0351758793969852</v>
      </c>
      <c r="AF43" s="373"/>
      <c r="AG43" s="374"/>
    </row>
    <row r="44" spans="1:33" s="1" customFormat="1" ht="19.5" customHeight="1">
      <c r="A44" s="323" t="s">
        <v>122</v>
      </c>
      <c r="B44" s="324"/>
      <c r="C44" s="324"/>
      <c r="D44" s="324"/>
      <c r="E44" s="324"/>
      <c r="F44" s="325"/>
      <c r="G44" s="340">
        <v>367</v>
      </c>
      <c r="H44" s="341"/>
      <c r="I44" s="341"/>
      <c r="J44" s="341">
        <v>280</v>
      </c>
      <c r="K44" s="341"/>
      <c r="L44" s="341"/>
      <c r="M44" s="602">
        <v>76.294277929155314</v>
      </c>
      <c r="N44" s="602"/>
      <c r="O44" s="602"/>
      <c r="P44" s="601">
        <v>343</v>
      </c>
      <c r="Q44" s="601"/>
      <c r="R44" s="601"/>
      <c r="S44" s="601">
        <v>223</v>
      </c>
      <c r="T44" s="601"/>
      <c r="U44" s="601"/>
      <c r="V44" s="602">
        <v>65.014577259475217</v>
      </c>
      <c r="W44" s="602"/>
      <c r="X44" s="602"/>
      <c r="Y44" s="153">
        <v>515</v>
      </c>
      <c r="Z44" s="153"/>
      <c r="AA44" s="153"/>
      <c r="AB44" s="153">
        <v>319</v>
      </c>
      <c r="AC44" s="153"/>
      <c r="AD44" s="153"/>
      <c r="AE44" s="615">
        <v>61.94174757281553</v>
      </c>
      <c r="AF44" s="615"/>
      <c r="AG44" s="616"/>
    </row>
    <row r="45" spans="1:33" s="1" customFormat="1" ht="13.5" customHeight="1">
      <c r="A45" s="9" t="s">
        <v>201</v>
      </c>
      <c r="B45" s="2"/>
      <c r="C45" s="2"/>
      <c r="D45" s="2"/>
      <c r="E45" s="2"/>
      <c r="F45" s="29"/>
      <c r="G45" s="29"/>
      <c r="H45" s="29"/>
      <c r="I45" s="29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  <c r="AA45" s="11"/>
      <c r="AB45" s="11"/>
      <c r="AC45" s="11"/>
      <c r="AD45" s="11"/>
      <c r="AE45" s="11"/>
      <c r="AF45" s="11"/>
      <c r="AG45" s="11" t="s">
        <v>180</v>
      </c>
    </row>
    <row r="46" spans="1:33" s="1" customFormat="1" ht="13.5" customHeight="1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  <c r="AA46" s="11"/>
      <c r="AB46" s="11"/>
      <c r="AC46" s="11"/>
      <c r="AD46" s="11"/>
      <c r="AE46" s="11"/>
      <c r="AF46" s="11"/>
      <c r="AG46" s="8"/>
    </row>
    <row r="47" spans="1:33" s="2" customFormat="1" ht="20.100000000000001" customHeight="1">
      <c r="A47" s="12" t="s">
        <v>184</v>
      </c>
      <c r="AF47" s="5"/>
      <c r="AG47" s="21" t="s">
        <v>4</v>
      </c>
    </row>
    <row r="48" spans="1:33" s="2" customFormat="1" ht="15.95" customHeight="1">
      <c r="A48" s="288" t="s">
        <v>23</v>
      </c>
      <c r="B48" s="289"/>
      <c r="C48" s="289"/>
      <c r="D48" s="289"/>
      <c r="E48" s="289"/>
      <c r="F48" s="289"/>
      <c r="G48" s="289"/>
      <c r="H48" s="289"/>
      <c r="I48" s="290"/>
      <c r="J48" s="142">
        <v>4</v>
      </c>
      <c r="K48" s="143"/>
      <c r="L48" s="143"/>
      <c r="M48" s="143"/>
      <c r="N48" s="143"/>
      <c r="O48" s="143"/>
      <c r="P48" s="143"/>
      <c r="Q48" s="144"/>
      <c r="R48" s="142">
        <v>5</v>
      </c>
      <c r="S48" s="143"/>
      <c r="T48" s="143"/>
      <c r="U48" s="143"/>
      <c r="V48" s="143"/>
      <c r="W48" s="143"/>
      <c r="X48" s="143"/>
      <c r="Y48" s="144"/>
      <c r="Z48" s="149">
        <v>6</v>
      </c>
      <c r="AA48" s="149"/>
      <c r="AB48" s="149"/>
      <c r="AC48" s="149"/>
      <c r="AD48" s="149"/>
      <c r="AE48" s="149"/>
      <c r="AF48" s="149"/>
      <c r="AG48" s="150"/>
    </row>
    <row r="49" spans="1:37" s="2" customFormat="1" ht="15.95" customHeight="1">
      <c r="A49" s="285" t="s">
        <v>16</v>
      </c>
      <c r="B49" s="286"/>
      <c r="C49" s="286"/>
      <c r="D49" s="286"/>
      <c r="E49" s="286"/>
      <c r="F49" s="286"/>
      <c r="G49" s="286"/>
      <c r="H49" s="286"/>
      <c r="I49" s="287"/>
      <c r="J49" s="145"/>
      <c r="K49" s="146"/>
      <c r="L49" s="146"/>
      <c r="M49" s="146"/>
      <c r="N49" s="146"/>
      <c r="O49" s="146"/>
      <c r="P49" s="146"/>
      <c r="Q49" s="147"/>
      <c r="R49" s="145"/>
      <c r="S49" s="146"/>
      <c r="T49" s="146"/>
      <c r="U49" s="146"/>
      <c r="V49" s="146"/>
      <c r="W49" s="146"/>
      <c r="X49" s="146"/>
      <c r="Y49" s="147"/>
      <c r="Z49" s="151"/>
      <c r="AA49" s="151"/>
      <c r="AB49" s="151"/>
      <c r="AC49" s="151"/>
      <c r="AD49" s="151"/>
      <c r="AE49" s="151"/>
      <c r="AF49" s="151"/>
      <c r="AG49" s="152"/>
    </row>
    <row r="50" spans="1:37" s="2" customFormat="1" ht="19.5" customHeight="1">
      <c r="A50" s="45"/>
      <c r="B50" s="438" t="s">
        <v>73</v>
      </c>
      <c r="C50" s="438"/>
      <c r="D50" s="438"/>
      <c r="E50" s="438"/>
      <c r="F50" s="438"/>
      <c r="G50" s="438"/>
      <c r="H50" s="438"/>
      <c r="I50" s="46"/>
      <c r="J50" s="156">
        <v>484</v>
      </c>
      <c r="K50" s="156"/>
      <c r="L50" s="156"/>
      <c r="M50" s="156"/>
      <c r="N50" s="156"/>
      <c r="O50" s="156"/>
      <c r="P50" s="156"/>
      <c r="Q50" s="156"/>
      <c r="R50" s="386">
        <v>484</v>
      </c>
      <c r="S50" s="386"/>
      <c r="T50" s="386"/>
      <c r="U50" s="386"/>
      <c r="V50" s="386"/>
      <c r="W50" s="386"/>
      <c r="X50" s="386"/>
      <c r="Y50" s="386"/>
      <c r="Z50" s="617">
        <v>487</v>
      </c>
      <c r="AA50" s="617"/>
      <c r="AB50" s="617"/>
      <c r="AC50" s="617"/>
      <c r="AD50" s="617"/>
      <c r="AE50" s="617"/>
      <c r="AF50" s="617"/>
      <c r="AG50" s="618"/>
    </row>
    <row r="51" spans="1:37" s="2" customFormat="1" ht="15.95" customHeight="1">
      <c r="A51" s="47"/>
      <c r="B51" s="105" t="s">
        <v>214</v>
      </c>
      <c r="C51" s="105"/>
      <c r="D51" s="105"/>
      <c r="E51" s="105"/>
      <c r="F51" s="105"/>
      <c r="G51" s="105"/>
      <c r="H51" s="105"/>
      <c r="I51" s="80"/>
      <c r="J51" s="101" t="s">
        <v>215</v>
      </c>
      <c r="K51" s="101"/>
      <c r="L51" s="101"/>
      <c r="M51" s="101"/>
      <c r="N51" s="101"/>
      <c r="O51" s="101"/>
      <c r="P51" s="101"/>
      <c r="Q51" s="101"/>
      <c r="R51" s="101" t="s">
        <v>215</v>
      </c>
      <c r="S51" s="101"/>
      <c r="T51" s="101"/>
      <c r="U51" s="101"/>
      <c r="V51" s="101"/>
      <c r="W51" s="101"/>
      <c r="X51" s="101"/>
      <c r="Y51" s="101"/>
      <c r="Z51" s="102">
        <v>1229</v>
      </c>
      <c r="AA51" s="102"/>
      <c r="AB51" s="102"/>
      <c r="AC51" s="102"/>
      <c r="AD51" s="102"/>
      <c r="AE51" s="102"/>
      <c r="AF51" s="102"/>
      <c r="AG51" s="103"/>
    </row>
    <row r="52" spans="1:37" s="2" customFormat="1" ht="15.95" customHeight="1">
      <c r="A52" s="23"/>
      <c r="B52" s="81"/>
      <c r="C52" s="104" t="s">
        <v>82</v>
      </c>
      <c r="D52" s="104"/>
      <c r="E52" s="104"/>
      <c r="F52" s="100" t="s">
        <v>83</v>
      </c>
      <c r="G52" s="100"/>
      <c r="H52" s="100"/>
      <c r="I52" s="82"/>
      <c r="J52" s="101" t="s">
        <v>215</v>
      </c>
      <c r="K52" s="101"/>
      <c r="L52" s="101"/>
      <c r="M52" s="101"/>
      <c r="N52" s="101"/>
      <c r="O52" s="101"/>
      <c r="P52" s="101"/>
      <c r="Q52" s="101"/>
      <c r="R52" s="101" t="s">
        <v>215</v>
      </c>
      <c r="S52" s="101"/>
      <c r="T52" s="101"/>
      <c r="U52" s="101"/>
      <c r="V52" s="101"/>
      <c r="W52" s="101"/>
      <c r="X52" s="101"/>
      <c r="Y52" s="101"/>
      <c r="Z52" s="102">
        <v>439</v>
      </c>
      <c r="AA52" s="102"/>
      <c r="AB52" s="102"/>
      <c r="AC52" s="102"/>
      <c r="AD52" s="102"/>
      <c r="AE52" s="102"/>
      <c r="AF52" s="102"/>
      <c r="AG52" s="103"/>
    </row>
    <row r="53" spans="1:37" s="2" customFormat="1" ht="15.95" customHeight="1">
      <c r="A53" s="23"/>
      <c r="B53" s="81"/>
      <c r="C53" s="83"/>
      <c r="D53" s="83"/>
      <c r="E53" s="84"/>
      <c r="F53" s="100" t="s">
        <v>84</v>
      </c>
      <c r="G53" s="100"/>
      <c r="H53" s="100"/>
      <c r="I53" s="82"/>
      <c r="J53" s="101" t="s">
        <v>215</v>
      </c>
      <c r="K53" s="101"/>
      <c r="L53" s="101"/>
      <c r="M53" s="101"/>
      <c r="N53" s="101"/>
      <c r="O53" s="101"/>
      <c r="P53" s="101"/>
      <c r="Q53" s="101"/>
      <c r="R53" s="101" t="s">
        <v>215</v>
      </c>
      <c r="S53" s="101"/>
      <c r="T53" s="101"/>
      <c r="U53" s="101"/>
      <c r="V53" s="101"/>
      <c r="W53" s="101"/>
      <c r="X53" s="101"/>
      <c r="Y53" s="101"/>
      <c r="Z53" s="102">
        <v>391</v>
      </c>
      <c r="AA53" s="102"/>
      <c r="AB53" s="102"/>
      <c r="AC53" s="102"/>
      <c r="AD53" s="102"/>
      <c r="AE53" s="102"/>
      <c r="AF53" s="102"/>
      <c r="AG53" s="103"/>
    </row>
    <row r="54" spans="1:37" s="2" customFormat="1" ht="15.95" customHeight="1">
      <c r="A54" s="23"/>
      <c r="B54" s="81"/>
      <c r="C54" s="83"/>
      <c r="D54" s="83"/>
      <c r="E54" s="84"/>
      <c r="F54" s="100" t="s">
        <v>85</v>
      </c>
      <c r="G54" s="100"/>
      <c r="H54" s="100"/>
      <c r="I54" s="82"/>
      <c r="J54" s="101" t="s">
        <v>215</v>
      </c>
      <c r="K54" s="101"/>
      <c r="L54" s="101"/>
      <c r="M54" s="101"/>
      <c r="N54" s="101"/>
      <c r="O54" s="101"/>
      <c r="P54" s="101"/>
      <c r="Q54" s="101"/>
      <c r="R54" s="101" t="s">
        <v>215</v>
      </c>
      <c r="S54" s="101"/>
      <c r="T54" s="101"/>
      <c r="U54" s="101"/>
      <c r="V54" s="101"/>
      <c r="W54" s="101"/>
      <c r="X54" s="101"/>
      <c r="Y54" s="101"/>
      <c r="Z54" s="102">
        <v>358</v>
      </c>
      <c r="AA54" s="102"/>
      <c r="AB54" s="102"/>
      <c r="AC54" s="102"/>
      <c r="AD54" s="102"/>
      <c r="AE54" s="102"/>
      <c r="AF54" s="102"/>
      <c r="AG54" s="103"/>
    </row>
    <row r="55" spans="1:37" s="2" customFormat="1" ht="15.95" customHeight="1">
      <c r="A55" s="23"/>
      <c r="B55" s="81"/>
      <c r="C55" s="104" t="s">
        <v>86</v>
      </c>
      <c r="D55" s="104"/>
      <c r="E55" s="104"/>
      <c r="F55" s="85"/>
      <c r="G55" s="85"/>
      <c r="H55" s="85"/>
      <c r="I55" s="82"/>
      <c r="J55" s="101" t="s">
        <v>215</v>
      </c>
      <c r="K55" s="101"/>
      <c r="L55" s="101"/>
      <c r="M55" s="101"/>
      <c r="N55" s="101"/>
      <c r="O55" s="101"/>
      <c r="P55" s="101"/>
      <c r="Q55" s="101"/>
      <c r="R55" s="101" t="s">
        <v>215</v>
      </c>
      <c r="S55" s="101"/>
      <c r="T55" s="101"/>
      <c r="U55" s="101"/>
      <c r="V55" s="101"/>
      <c r="W55" s="101"/>
      <c r="X55" s="101"/>
      <c r="Y55" s="101"/>
      <c r="Z55" s="102">
        <v>41</v>
      </c>
      <c r="AA55" s="102"/>
      <c r="AB55" s="102"/>
      <c r="AC55" s="102"/>
      <c r="AD55" s="102"/>
      <c r="AE55" s="102"/>
      <c r="AF55" s="102"/>
      <c r="AG55" s="103"/>
    </row>
    <row r="56" spans="1:37" s="2" customFormat="1" ht="19.5" customHeight="1">
      <c r="A56" s="47"/>
      <c r="B56" s="423" t="s">
        <v>182</v>
      </c>
      <c r="C56" s="423"/>
      <c r="D56" s="423"/>
      <c r="E56" s="423"/>
      <c r="F56" s="423"/>
      <c r="G56" s="423"/>
      <c r="H56" s="423"/>
      <c r="I56" s="48"/>
      <c r="J56" s="157">
        <v>1880</v>
      </c>
      <c r="K56" s="157"/>
      <c r="L56" s="157"/>
      <c r="M56" s="157"/>
      <c r="N56" s="157"/>
      <c r="O56" s="157"/>
      <c r="P56" s="157"/>
      <c r="Q56" s="157"/>
      <c r="R56" s="208">
        <v>2161</v>
      </c>
      <c r="S56" s="208"/>
      <c r="T56" s="208"/>
      <c r="U56" s="208"/>
      <c r="V56" s="208"/>
      <c r="W56" s="208"/>
      <c r="X56" s="208"/>
      <c r="Y56" s="208"/>
      <c r="Z56" s="136">
        <v>714</v>
      </c>
      <c r="AA56" s="136"/>
      <c r="AB56" s="136"/>
      <c r="AC56" s="136"/>
      <c r="AD56" s="136"/>
      <c r="AE56" s="136"/>
      <c r="AF56" s="136"/>
      <c r="AG56" s="137"/>
    </row>
    <row r="57" spans="1:37" s="2" customFormat="1" ht="19.5" customHeight="1">
      <c r="A57" s="23"/>
      <c r="B57" s="22"/>
      <c r="C57" s="422" t="s">
        <v>82</v>
      </c>
      <c r="D57" s="422"/>
      <c r="E57" s="422"/>
      <c r="F57" s="420" t="s">
        <v>83</v>
      </c>
      <c r="G57" s="420"/>
      <c r="H57" s="420"/>
      <c r="I57" s="24"/>
      <c r="J57" s="157">
        <v>433</v>
      </c>
      <c r="K57" s="157"/>
      <c r="L57" s="157"/>
      <c r="M57" s="157"/>
      <c r="N57" s="157"/>
      <c r="O57" s="157"/>
      <c r="P57" s="157"/>
      <c r="Q57" s="157"/>
      <c r="R57" s="208">
        <v>545</v>
      </c>
      <c r="S57" s="208"/>
      <c r="T57" s="208"/>
      <c r="U57" s="208"/>
      <c r="V57" s="208"/>
      <c r="W57" s="208"/>
      <c r="X57" s="208"/>
      <c r="Y57" s="208"/>
      <c r="Z57" s="136">
        <v>16</v>
      </c>
      <c r="AA57" s="136"/>
      <c r="AB57" s="136"/>
      <c r="AC57" s="136"/>
      <c r="AD57" s="136"/>
      <c r="AE57" s="136"/>
      <c r="AF57" s="136"/>
      <c r="AG57" s="137"/>
    </row>
    <row r="58" spans="1:37" s="2" customFormat="1" ht="19.5" customHeight="1">
      <c r="A58" s="23"/>
      <c r="B58" s="22"/>
      <c r="E58" s="11"/>
      <c r="F58" s="420" t="s">
        <v>84</v>
      </c>
      <c r="G58" s="420"/>
      <c r="H58" s="420"/>
      <c r="I58" s="24"/>
      <c r="J58" s="157">
        <v>431</v>
      </c>
      <c r="K58" s="157"/>
      <c r="L58" s="157"/>
      <c r="M58" s="157"/>
      <c r="N58" s="157"/>
      <c r="O58" s="157"/>
      <c r="P58" s="157"/>
      <c r="Q58" s="157"/>
      <c r="R58" s="208">
        <v>560</v>
      </c>
      <c r="S58" s="208"/>
      <c r="T58" s="208"/>
      <c r="U58" s="208"/>
      <c r="V58" s="208"/>
      <c r="W58" s="208"/>
      <c r="X58" s="208"/>
      <c r="Y58" s="208"/>
      <c r="Z58" s="136">
        <v>56</v>
      </c>
      <c r="AA58" s="136"/>
      <c r="AB58" s="136"/>
      <c r="AC58" s="136"/>
      <c r="AD58" s="136"/>
      <c r="AE58" s="136"/>
      <c r="AF58" s="136"/>
      <c r="AG58" s="137"/>
    </row>
    <row r="59" spans="1:37" s="2" customFormat="1" ht="19.5" customHeight="1">
      <c r="A59" s="23"/>
      <c r="B59" s="22"/>
      <c r="E59" s="11"/>
      <c r="F59" s="420" t="s">
        <v>85</v>
      </c>
      <c r="G59" s="420"/>
      <c r="H59" s="420"/>
      <c r="I59" s="24"/>
      <c r="J59" s="157">
        <v>463</v>
      </c>
      <c r="K59" s="157"/>
      <c r="L59" s="157"/>
      <c r="M59" s="157"/>
      <c r="N59" s="157"/>
      <c r="O59" s="157"/>
      <c r="P59" s="157"/>
      <c r="Q59" s="157"/>
      <c r="R59" s="208">
        <v>557</v>
      </c>
      <c r="S59" s="208"/>
      <c r="T59" s="208"/>
      <c r="U59" s="208"/>
      <c r="V59" s="208"/>
      <c r="W59" s="208"/>
      <c r="X59" s="208"/>
      <c r="Y59" s="208"/>
      <c r="Z59" s="136">
        <v>113</v>
      </c>
      <c r="AA59" s="136"/>
      <c r="AB59" s="136"/>
      <c r="AC59" s="136"/>
      <c r="AD59" s="136"/>
      <c r="AE59" s="136"/>
      <c r="AF59" s="136"/>
      <c r="AG59" s="137"/>
      <c r="AK59" s="25"/>
    </row>
    <row r="60" spans="1:37" s="2" customFormat="1" ht="19.5" customHeight="1">
      <c r="A60" s="42"/>
      <c r="B60" s="49"/>
      <c r="C60" s="223" t="s">
        <v>86</v>
      </c>
      <c r="D60" s="223"/>
      <c r="E60" s="223"/>
      <c r="F60" s="43"/>
      <c r="G60" s="43"/>
      <c r="H60" s="43"/>
      <c r="I60" s="50"/>
      <c r="J60" s="157">
        <v>553</v>
      </c>
      <c r="K60" s="157"/>
      <c r="L60" s="157"/>
      <c r="M60" s="157"/>
      <c r="N60" s="157"/>
      <c r="O60" s="157"/>
      <c r="P60" s="157"/>
      <c r="Q60" s="157"/>
      <c r="R60" s="208">
        <v>499</v>
      </c>
      <c r="S60" s="208"/>
      <c r="T60" s="208"/>
      <c r="U60" s="208"/>
      <c r="V60" s="208"/>
      <c r="W60" s="208"/>
      <c r="X60" s="208"/>
      <c r="Y60" s="208"/>
      <c r="Z60" s="136">
        <v>529</v>
      </c>
      <c r="AA60" s="136"/>
      <c r="AB60" s="136"/>
      <c r="AC60" s="136"/>
      <c r="AD60" s="136"/>
      <c r="AE60" s="136"/>
      <c r="AF60" s="136"/>
      <c r="AG60" s="137"/>
    </row>
    <row r="61" spans="1:37" s="2" customFormat="1" ht="19.5" customHeight="1">
      <c r="A61" s="23"/>
      <c r="B61" s="581" t="s">
        <v>29</v>
      </c>
      <c r="C61" s="581"/>
      <c r="D61" s="581"/>
      <c r="E61" s="581"/>
      <c r="F61" s="581"/>
      <c r="G61" s="581"/>
      <c r="H61" s="581"/>
      <c r="I61" s="24"/>
      <c r="J61" s="157">
        <v>625</v>
      </c>
      <c r="K61" s="157"/>
      <c r="L61" s="157"/>
      <c r="M61" s="157"/>
      <c r="N61" s="157"/>
      <c r="O61" s="157"/>
      <c r="P61" s="157"/>
      <c r="Q61" s="157"/>
      <c r="R61" s="208">
        <v>675</v>
      </c>
      <c r="S61" s="208"/>
      <c r="T61" s="208"/>
      <c r="U61" s="208"/>
      <c r="V61" s="208"/>
      <c r="W61" s="208"/>
      <c r="X61" s="208"/>
      <c r="Y61" s="208"/>
      <c r="Z61" s="136">
        <v>731</v>
      </c>
      <c r="AA61" s="136"/>
      <c r="AB61" s="136"/>
      <c r="AC61" s="136"/>
      <c r="AD61" s="136"/>
      <c r="AE61" s="136"/>
      <c r="AF61" s="136"/>
      <c r="AG61" s="137"/>
    </row>
    <row r="62" spans="1:37" s="2" customFormat="1" ht="19.5" customHeight="1">
      <c r="A62" s="47"/>
      <c r="B62" s="423" t="s">
        <v>79</v>
      </c>
      <c r="C62" s="423"/>
      <c r="D62" s="423"/>
      <c r="E62" s="423"/>
      <c r="F62" s="423"/>
      <c r="G62" s="423"/>
      <c r="H62" s="423"/>
      <c r="I62" s="48"/>
      <c r="J62" s="157">
        <v>1240</v>
      </c>
      <c r="K62" s="157"/>
      <c r="L62" s="157"/>
      <c r="M62" s="157"/>
      <c r="N62" s="157"/>
      <c r="O62" s="157"/>
      <c r="P62" s="157"/>
      <c r="Q62" s="157"/>
      <c r="R62" s="208">
        <v>1175</v>
      </c>
      <c r="S62" s="208"/>
      <c r="T62" s="208"/>
      <c r="U62" s="208"/>
      <c r="V62" s="208"/>
      <c r="W62" s="208"/>
      <c r="X62" s="208"/>
      <c r="Y62" s="208"/>
      <c r="Z62" s="136">
        <v>1117</v>
      </c>
      <c r="AA62" s="136"/>
      <c r="AB62" s="136"/>
      <c r="AC62" s="136"/>
      <c r="AD62" s="136"/>
      <c r="AE62" s="136"/>
      <c r="AF62" s="136"/>
      <c r="AG62" s="137"/>
    </row>
    <row r="63" spans="1:37" s="2" customFormat="1" ht="19.5" customHeight="1">
      <c r="A63" s="23"/>
      <c r="B63" s="22"/>
      <c r="C63" s="22"/>
      <c r="D63" s="22"/>
      <c r="E63" s="22"/>
      <c r="F63" s="420" t="s">
        <v>106</v>
      </c>
      <c r="G63" s="420"/>
      <c r="H63" s="420"/>
      <c r="I63" s="24"/>
      <c r="J63" s="157">
        <v>544</v>
      </c>
      <c r="K63" s="157"/>
      <c r="L63" s="157"/>
      <c r="M63" s="157"/>
      <c r="N63" s="157"/>
      <c r="O63" s="157"/>
      <c r="P63" s="157"/>
      <c r="Q63" s="157"/>
      <c r="R63" s="208">
        <v>523</v>
      </c>
      <c r="S63" s="208"/>
      <c r="T63" s="208"/>
      <c r="U63" s="208"/>
      <c r="V63" s="208"/>
      <c r="W63" s="208"/>
      <c r="X63" s="208"/>
      <c r="Y63" s="208"/>
      <c r="Z63" s="136">
        <v>496</v>
      </c>
      <c r="AA63" s="136"/>
      <c r="AB63" s="136"/>
      <c r="AC63" s="136"/>
      <c r="AD63" s="136"/>
      <c r="AE63" s="136"/>
      <c r="AF63" s="136"/>
      <c r="AG63" s="137"/>
    </row>
    <row r="64" spans="1:37" s="2" customFormat="1" ht="19.5" customHeight="1">
      <c r="A64" s="42"/>
      <c r="B64" s="49"/>
      <c r="C64" s="49"/>
      <c r="D64" s="49"/>
      <c r="E64" s="49"/>
      <c r="F64" s="582" t="s">
        <v>107</v>
      </c>
      <c r="G64" s="582"/>
      <c r="H64" s="582"/>
      <c r="I64" s="50"/>
      <c r="J64" s="157">
        <v>696</v>
      </c>
      <c r="K64" s="157"/>
      <c r="L64" s="157"/>
      <c r="M64" s="157"/>
      <c r="N64" s="157"/>
      <c r="O64" s="157"/>
      <c r="P64" s="157"/>
      <c r="Q64" s="157"/>
      <c r="R64" s="208">
        <v>652</v>
      </c>
      <c r="S64" s="208"/>
      <c r="T64" s="208"/>
      <c r="U64" s="208"/>
      <c r="V64" s="208"/>
      <c r="W64" s="208"/>
      <c r="X64" s="208"/>
      <c r="Y64" s="208"/>
      <c r="Z64" s="136">
        <v>621</v>
      </c>
      <c r="AA64" s="136"/>
      <c r="AB64" s="136"/>
      <c r="AC64" s="136"/>
      <c r="AD64" s="136"/>
      <c r="AE64" s="136"/>
      <c r="AF64" s="136"/>
      <c r="AG64" s="137"/>
    </row>
    <row r="65" spans="1:33" s="2" customFormat="1" ht="19.5" customHeight="1">
      <c r="A65" s="23"/>
      <c r="B65" s="420" t="s">
        <v>30</v>
      </c>
      <c r="C65" s="420"/>
      <c r="D65" s="420"/>
      <c r="E65" s="420"/>
      <c r="F65" s="420"/>
      <c r="G65" s="420"/>
      <c r="H65" s="420"/>
      <c r="I65" s="24"/>
      <c r="J65" s="157">
        <v>3321</v>
      </c>
      <c r="K65" s="205"/>
      <c r="L65" s="205"/>
      <c r="M65" s="205"/>
      <c r="N65" s="205"/>
      <c r="O65" s="205"/>
      <c r="P65" s="205"/>
      <c r="Q65" s="205"/>
      <c r="R65" s="208">
        <v>2840</v>
      </c>
      <c r="S65" s="208"/>
      <c r="T65" s="208"/>
      <c r="U65" s="208"/>
      <c r="V65" s="208"/>
      <c r="W65" s="208"/>
      <c r="X65" s="208"/>
      <c r="Y65" s="208"/>
      <c r="Z65" s="136">
        <v>2829</v>
      </c>
      <c r="AA65" s="136"/>
      <c r="AB65" s="136"/>
      <c r="AC65" s="136"/>
      <c r="AD65" s="136"/>
      <c r="AE65" s="136"/>
      <c r="AF65" s="136"/>
      <c r="AG65" s="137"/>
    </row>
    <row r="66" spans="1:33" s="2" customFormat="1" ht="19.5" customHeight="1">
      <c r="A66" s="23"/>
      <c r="B66" s="22"/>
      <c r="C66" s="422" t="s">
        <v>108</v>
      </c>
      <c r="D66" s="422"/>
      <c r="E66" s="422"/>
      <c r="F66" s="420" t="s">
        <v>106</v>
      </c>
      <c r="G66" s="420"/>
      <c r="H66" s="420"/>
      <c r="I66" s="24"/>
      <c r="J66" s="157">
        <v>654</v>
      </c>
      <c r="K66" s="157"/>
      <c r="L66" s="157"/>
      <c r="M66" s="157"/>
      <c r="N66" s="157"/>
      <c r="O66" s="157"/>
      <c r="P66" s="157"/>
      <c r="Q66" s="157"/>
      <c r="R66" s="208">
        <v>608</v>
      </c>
      <c r="S66" s="208"/>
      <c r="T66" s="208"/>
      <c r="U66" s="208"/>
      <c r="V66" s="208"/>
      <c r="W66" s="208"/>
      <c r="X66" s="208"/>
      <c r="Y66" s="208"/>
      <c r="Z66" s="136">
        <v>657</v>
      </c>
      <c r="AA66" s="136"/>
      <c r="AB66" s="136"/>
      <c r="AC66" s="136"/>
      <c r="AD66" s="136"/>
      <c r="AE66" s="136"/>
      <c r="AF66" s="136"/>
      <c r="AG66" s="137"/>
    </row>
    <row r="67" spans="1:33" s="2" customFormat="1" ht="19.5" customHeight="1">
      <c r="A67" s="23"/>
      <c r="B67" s="22"/>
      <c r="E67" s="11"/>
      <c r="F67" s="420" t="s">
        <v>107</v>
      </c>
      <c r="G67" s="420"/>
      <c r="H67" s="420"/>
      <c r="I67" s="24"/>
      <c r="J67" s="157">
        <v>600</v>
      </c>
      <c r="K67" s="157"/>
      <c r="L67" s="157"/>
      <c r="M67" s="157"/>
      <c r="N67" s="157"/>
      <c r="O67" s="157"/>
      <c r="P67" s="157"/>
      <c r="Q67" s="157"/>
      <c r="R67" s="208">
        <v>612</v>
      </c>
      <c r="S67" s="208"/>
      <c r="T67" s="208"/>
      <c r="U67" s="208"/>
      <c r="V67" s="208"/>
      <c r="W67" s="208"/>
      <c r="X67" s="208"/>
      <c r="Y67" s="208"/>
      <c r="Z67" s="136">
        <v>644</v>
      </c>
      <c r="AA67" s="136"/>
      <c r="AB67" s="136"/>
      <c r="AC67" s="136"/>
      <c r="AD67" s="136"/>
      <c r="AE67" s="136"/>
      <c r="AF67" s="136"/>
      <c r="AG67" s="137"/>
    </row>
    <row r="68" spans="1:33" s="2" customFormat="1" ht="19.5" customHeight="1">
      <c r="A68" s="23"/>
      <c r="B68" s="22"/>
      <c r="E68" s="11"/>
      <c r="F68" s="420" t="s">
        <v>109</v>
      </c>
      <c r="G68" s="420"/>
      <c r="H68" s="420"/>
      <c r="I68" s="24"/>
      <c r="J68" s="157">
        <v>911</v>
      </c>
      <c r="K68" s="157"/>
      <c r="L68" s="157"/>
      <c r="M68" s="157"/>
      <c r="N68" s="157"/>
      <c r="O68" s="157"/>
      <c r="P68" s="157"/>
      <c r="Q68" s="157"/>
      <c r="R68" s="208">
        <v>650</v>
      </c>
      <c r="S68" s="208"/>
      <c r="T68" s="208"/>
      <c r="U68" s="208"/>
      <c r="V68" s="208"/>
      <c r="W68" s="208"/>
      <c r="X68" s="208"/>
      <c r="Y68" s="208"/>
      <c r="Z68" s="136">
        <v>651</v>
      </c>
      <c r="AA68" s="136"/>
      <c r="AB68" s="136"/>
      <c r="AC68" s="136"/>
      <c r="AD68" s="136"/>
      <c r="AE68" s="136"/>
      <c r="AF68" s="136"/>
      <c r="AG68" s="137"/>
    </row>
    <row r="69" spans="1:33" s="2" customFormat="1" ht="19.5" customHeight="1">
      <c r="A69" s="23"/>
      <c r="B69" s="1"/>
      <c r="C69" s="422" t="s">
        <v>110</v>
      </c>
      <c r="D69" s="422"/>
      <c r="E69" s="422"/>
      <c r="F69" s="1"/>
      <c r="G69" s="1"/>
      <c r="H69" s="22"/>
      <c r="I69" s="24"/>
      <c r="J69" s="157">
        <v>1156</v>
      </c>
      <c r="K69" s="157"/>
      <c r="L69" s="157"/>
      <c r="M69" s="157"/>
      <c r="N69" s="157"/>
      <c r="O69" s="157"/>
      <c r="P69" s="157"/>
      <c r="Q69" s="157"/>
      <c r="R69" s="208">
        <v>970</v>
      </c>
      <c r="S69" s="208"/>
      <c r="T69" s="208"/>
      <c r="U69" s="208"/>
      <c r="V69" s="208"/>
      <c r="W69" s="208"/>
      <c r="X69" s="208"/>
      <c r="Y69" s="208"/>
      <c r="Z69" s="136">
        <v>877</v>
      </c>
      <c r="AA69" s="136"/>
      <c r="AB69" s="136"/>
      <c r="AC69" s="136"/>
      <c r="AD69" s="136"/>
      <c r="AE69" s="136"/>
      <c r="AF69" s="136"/>
      <c r="AG69" s="137"/>
    </row>
    <row r="70" spans="1:33" s="2" customFormat="1" ht="19.5" customHeight="1">
      <c r="A70" s="51"/>
      <c r="B70" s="438" t="s">
        <v>111</v>
      </c>
      <c r="C70" s="438"/>
      <c r="D70" s="438"/>
      <c r="E70" s="438"/>
      <c r="F70" s="438"/>
      <c r="G70" s="438"/>
      <c r="H70" s="438"/>
      <c r="I70" s="52"/>
      <c r="J70" s="157">
        <v>1853</v>
      </c>
      <c r="K70" s="157"/>
      <c r="L70" s="157"/>
      <c r="M70" s="157"/>
      <c r="N70" s="157"/>
      <c r="O70" s="157"/>
      <c r="P70" s="157"/>
      <c r="Q70" s="157"/>
      <c r="R70" s="208">
        <v>2021</v>
      </c>
      <c r="S70" s="208"/>
      <c r="T70" s="208"/>
      <c r="U70" s="208"/>
      <c r="V70" s="208"/>
      <c r="W70" s="208"/>
      <c r="X70" s="208"/>
      <c r="Y70" s="208"/>
      <c r="Z70" s="136">
        <v>1878</v>
      </c>
      <c r="AA70" s="136"/>
      <c r="AB70" s="136"/>
      <c r="AC70" s="136"/>
      <c r="AD70" s="136"/>
      <c r="AE70" s="136"/>
      <c r="AF70" s="136"/>
      <c r="AG70" s="137"/>
    </row>
    <row r="71" spans="1:33" s="2" customFormat="1" ht="24" customHeight="1">
      <c r="A71" s="23"/>
      <c r="B71" s="421" t="s">
        <v>112</v>
      </c>
      <c r="C71" s="421"/>
      <c r="D71" s="421"/>
      <c r="E71" s="421"/>
      <c r="F71" s="421"/>
      <c r="G71" s="421"/>
      <c r="H71" s="421"/>
      <c r="I71" s="24"/>
      <c r="J71" s="157">
        <v>1852</v>
      </c>
      <c r="K71" s="157"/>
      <c r="L71" s="157"/>
      <c r="M71" s="157"/>
      <c r="N71" s="157"/>
      <c r="O71" s="157"/>
      <c r="P71" s="157"/>
      <c r="Q71" s="157"/>
      <c r="R71" s="208">
        <v>2338</v>
      </c>
      <c r="S71" s="208"/>
      <c r="T71" s="208"/>
      <c r="U71" s="208"/>
      <c r="V71" s="208"/>
      <c r="W71" s="208"/>
      <c r="X71" s="208"/>
      <c r="Y71" s="208"/>
      <c r="Z71" s="136">
        <v>2406</v>
      </c>
      <c r="AA71" s="136"/>
      <c r="AB71" s="136"/>
      <c r="AC71" s="136"/>
      <c r="AD71" s="136"/>
      <c r="AE71" s="136"/>
      <c r="AF71" s="136"/>
      <c r="AG71" s="137"/>
    </row>
    <row r="72" spans="1:33" s="2" customFormat="1" ht="19.5" customHeight="1">
      <c r="A72" s="51"/>
      <c r="B72" s="438" t="s">
        <v>205</v>
      </c>
      <c r="C72" s="438"/>
      <c r="D72" s="438"/>
      <c r="E72" s="438"/>
      <c r="F72" s="438"/>
      <c r="G72" s="438"/>
      <c r="H72" s="438"/>
      <c r="I72" s="76"/>
      <c r="J72" s="327">
        <v>1344</v>
      </c>
      <c r="K72" s="157"/>
      <c r="L72" s="157"/>
      <c r="M72" s="157"/>
      <c r="N72" s="157"/>
      <c r="O72" s="157"/>
      <c r="P72" s="157"/>
      <c r="Q72" s="157"/>
      <c r="R72" s="208">
        <v>1511</v>
      </c>
      <c r="S72" s="208"/>
      <c r="T72" s="208"/>
      <c r="U72" s="208"/>
      <c r="V72" s="208"/>
      <c r="W72" s="208"/>
      <c r="X72" s="208"/>
      <c r="Y72" s="208"/>
      <c r="Z72" s="136">
        <v>1373</v>
      </c>
      <c r="AA72" s="136"/>
      <c r="AB72" s="136"/>
      <c r="AC72" s="136"/>
      <c r="AD72" s="136"/>
      <c r="AE72" s="136"/>
      <c r="AF72" s="136"/>
      <c r="AG72" s="137"/>
    </row>
    <row r="73" spans="1:33" s="2" customFormat="1" ht="19.5" customHeight="1">
      <c r="A73" s="47"/>
      <c r="B73" s="391" t="s">
        <v>212</v>
      </c>
      <c r="C73" s="438"/>
      <c r="D73" s="438"/>
      <c r="E73" s="438"/>
      <c r="F73" s="438"/>
      <c r="G73" s="438"/>
      <c r="H73" s="438"/>
      <c r="I73" s="77"/>
      <c r="J73" s="327">
        <v>1020</v>
      </c>
      <c r="K73" s="157"/>
      <c r="L73" s="157"/>
      <c r="M73" s="157"/>
      <c r="N73" s="157"/>
      <c r="O73" s="157"/>
      <c r="P73" s="157"/>
      <c r="Q73" s="157"/>
      <c r="R73" s="208">
        <v>1182</v>
      </c>
      <c r="S73" s="208"/>
      <c r="T73" s="208"/>
      <c r="U73" s="208"/>
      <c r="V73" s="208"/>
      <c r="W73" s="208"/>
      <c r="X73" s="208"/>
      <c r="Y73" s="208"/>
      <c r="Z73" s="136">
        <v>1076</v>
      </c>
      <c r="AA73" s="136"/>
      <c r="AB73" s="136"/>
      <c r="AC73" s="136"/>
      <c r="AD73" s="136"/>
      <c r="AE73" s="136"/>
      <c r="AF73" s="136"/>
      <c r="AG73" s="137"/>
    </row>
    <row r="74" spans="1:33" s="2" customFormat="1" ht="19.5" customHeight="1">
      <c r="A74" s="79"/>
      <c r="B74" s="413" t="s">
        <v>213</v>
      </c>
      <c r="C74" s="413"/>
      <c r="D74" s="413"/>
      <c r="E74" s="413"/>
      <c r="F74" s="413"/>
      <c r="G74" s="413"/>
      <c r="H74" s="413"/>
      <c r="I74" s="78"/>
      <c r="J74" s="327">
        <v>1124</v>
      </c>
      <c r="K74" s="157"/>
      <c r="L74" s="157"/>
      <c r="M74" s="157"/>
      <c r="N74" s="157"/>
      <c r="O74" s="157"/>
      <c r="P74" s="157"/>
      <c r="Q74" s="157"/>
      <c r="R74" s="208">
        <v>1025</v>
      </c>
      <c r="S74" s="208"/>
      <c r="T74" s="208"/>
      <c r="U74" s="208"/>
      <c r="V74" s="208"/>
      <c r="W74" s="208"/>
      <c r="X74" s="208"/>
      <c r="Y74" s="208"/>
      <c r="Z74" s="136">
        <v>1009</v>
      </c>
      <c r="AA74" s="136"/>
      <c r="AB74" s="136"/>
      <c r="AC74" s="136"/>
      <c r="AD74" s="136"/>
      <c r="AE74" s="136"/>
      <c r="AF74" s="136"/>
      <c r="AG74" s="137"/>
    </row>
    <row r="75" spans="1:33" s="2" customFormat="1" ht="23.25" customHeight="1">
      <c r="A75" s="47"/>
      <c r="B75" s="390" t="s">
        <v>113</v>
      </c>
      <c r="C75" s="390"/>
      <c r="D75" s="390"/>
      <c r="E75" s="390"/>
      <c r="F75" s="390"/>
      <c r="G75" s="390"/>
      <c r="H75" s="390"/>
      <c r="I75" s="48"/>
      <c r="J75" s="157">
        <v>697</v>
      </c>
      <c r="K75" s="157"/>
      <c r="L75" s="157"/>
      <c r="M75" s="157"/>
      <c r="N75" s="157"/>
      <c r="O75" s="157"/>
      <c r="P75" s="157"/>
      <c r="Q75" s="157"/>
      <c r="R75" s="207">
        <v>605</v>
      </c>
      <c r="S75" s="207"/>
      <c r="T75" s="207"/>
      <c r="U75" s="207"/>
      <c r="V75" s="207"/>
      <c r="W75" s="207"/>
      <c r="X75" s="207"/>
      <c r="Y75" s="207"/>
      <c r="Z75" s="136">
        <v>634</v>
      </c>
      <c r="AA75" s="136"/>
      <c r="AB75" s="136"/>
      <c r="AC75" s="136"/>
      <c r="AD75" s="136"/>
      <c r="AE75" s="136"/>
      <c r="AF75" s="136"/>
      <c r="AG75" s="137"/>
    </row>
    <row r="76" spans="1:33" s="2" customFormat="1" ht="19.5" customHeight="1">
      <c r="A76" s="23"/>
      <c r="B76" s="44"/>
      <c r="C76" s="22"/>
      <c r="D76" s="22"/>
      <c r="E76" s="22"/>
      <c r="F76" s="420" t="s">
        <v>210</v>
      </c>
      <c r="G76" s="420"/>
      <c r="H76" s="420"/>
      <c r="I76" s="24"/>
      <c r="J76" s="157">
        <v>253</v>
      </c>
      <c r="K76" s="157"/>
      <c r="L76" s="157"/>
      <c r="M76" s="157"/>
      <c r="N76" s="157"/>
      <c r="O76" s="157"/>
      <c r="P76" s="157"/>
      <c r="Q76" s="157"/>
      <c r="R76" s="207">
        <v>281</v>
      </c>
      <c r="S76" s="207"/>
      <c r="T76" s="207"/>
      <c r="U76" s="207"/>
      <c r="V76" s="207"/>
      <c r="W76" s="207"/>
      <c r="X76" s="207"/>
      <c r="Y76" s="207"/>
      <c r="Z76" s="154">
        <v>301</v>
      </c>
      <c r="AA76" s="154"/>
      <c r="AB76" s="154"/>
      <c r="AC76" s="154"/>
      <c r="AD76" s="154"/>
      <c r="AE76" s="154"/>
      <c r="AF76" s="154"/>
      <c r="AG76" s="155"/>
    </row>
    <row r="77" spans="1:33" s="2" customFormat="1" ht="19.5" customHeight="1">
      <c r="A77" s="23"/>
      <c r="B77" s="44"/>
      <c r="C77" s="22"/>
      <c r="D77" s="22"/>
      <c r="E77" s="22"/>
      <c r="F77" s="420" t="s">
        <v>114</v>
      </c>
      <c r="G77" s="420"/>
      <c r="H77" s="420"/>
      <c r="I77" s="24"/>
      <c r="J77" s="157">
        <v>246</v>
      </c>
      <c r="K77" s="157"/>
      <c r="L77" s="157"/>
      <c r="M77" s="157"/>
      <c r="N77" s="157"/>
      <c r="O77" s="157"/>
      <c r="P77" s="157"/>
      <c r="Q77" s="157"/>
      <c r="R77" s="207">
        <v>191</v>
      </c>
      <c r="S77" s="207"/>
      <c r="T77" s="207"/>
      <c r="U77" s="207"/>
      <c r="V77" s="207"/>
      <c r="W77" s="207"/>
      <c r="X77" s="207"/>
      <c r="Y77" s="207"/>
      <c r="Z77" s="154">
        <v>255</v>
      </c>
      <c r="AA77" s="154"/>
      <c r="AB77" s="154"/>
      <c r="AC77" s="154"/>
      <c r="AD77" s="154"/>
      <c r="AE77" s="154"/>
      <c r="AF77" s="154"/>
      <c r="AG77" s="155"/>
    </row>
    <row r="78" spans="1:33" s="2" customFormat="1" ht="19.5" customHeight="1">
      <c r="A78" s="23"/>
      <c r="B78" s="44"/>
      <c r="C78" s="22"/>
      <c r="D78" s="22"/>
      <c r="E78" s="22"/>
      <c r="F78" s="420" t="s">
        <v>208</v>
      </c>
      <c r="G78" s="420"/>
      <c r="H78" s="420"/>
      <c r="I78" s="24"/>
      <c r="J78" s="327">
        <v>198</v>
      </c>
      <c r="K78" s="157"/>
      <c r="L78" s="157"/>
      <c r="M78" s="157"/>
      <c r="N78" s="157"/>
      <c r="O78" s="157"/>
      <c r="P78" s="157"/>
      <c r="Q78" s="157"/>
      <c r="R78" s="207">
        <v>133</v>
      </c>
      <c r="S78" s="207"/>
      <c r="T78" s="207"/>
      <c r="U78" s="207"/>
      <c r="V78" s="207"/>
      <c r="W78" s="207"/>
      <c r="X78" s="207"/>
      <c r="Y78" s="207"/>
      <c r="Z78" s="154">
        <v>78</v>
      </c>
      <c r="AA78" s="154"/>
      <c r="AB78" s="154"/>
      <c r="AC78" s="154"/>
      <c r="AD78" s="154"/>
      <c r="AE78" s="154"/>
      <c r="AF78" s="154"/>
      <c r="AG78" s="155"/>
    </row>
    <row r="79" spans="1:33" s="2" customFormat="1" ht="40.5" customHeight="1">
      <c r="A79" s="23"/>
      <c r="B79" s="421" t="s">
        <v>209</v>
      </c>
      <c r="C79" s="421"/>
      <c r="D79" s="421"/>
      <c r="E79" s="421"/>
      <c r="F79" s="421"/>
      <c r="G79" s="421"/>
      <c r="H79" s="421"/>
      <c r="I79" s="24"/>
      <c r="J79" s="327">
        <v>766</v>
      </c>
      <c r="K79" s="157"/>
      <c r="L79" s="157"/>
      <c r="M79" s="157"/>
      <c r="N79" s="157"/>
      <c r="O79" s="157"/>
      <c r="P79" s="157"/>
      <c r="Q79" s="157"/>
      <c r="R79" s="207">
        <v>854</v>
      </c>
      <c r="S79" s="207"/>
      <c r="T79" s="207"/>
      <c r="U79" s="207"/>
      <c r="V79" s="207"/>
      <c r="W79" s="207"/>
      <c r="X79" s="207"/>
      <c r="Y79" s="207"/>
      <c r="Z79" s="154">
        <v>1976</v>
      </c>
      <c r="AA79" s="154"/>
      <c r="AB79" s="154"/>
      <c r="AC79" s="154"/>
      <c r="AD79" s="154"/>
      <c r="AE79" s="154"/>
      <c r="AF79" s="154"/>
      <c r="AG79" s="155"/>
    </row>
    <row r="80" spans="1:33" s="2" customFormat="1" ht="19.5" customHeight="1">
      <c r="A80" s="23"/>
      <c r="B80" s="44"/>
      <c r="C80" s="22"/>
      <c r="D80" s="22"/>
      <c r="E80" s="22"/>
      <c r="F80" s="420" t="s">
        <v>210</v>
      </c>
      <c r="G80" s="420"/>
      <c r="H80" s="420"/>
      <c r="I80" s="24"/>
      <c r="J80" s="327">
        <v>314</v>
      </c>
      <c r="K80" s="157"/>
      <c r="L80" s="157"/>
      <c r="M80" s="157"/>
      <c r="N80" s="157"/>
      <c r="O80" s="157"/>
      <c r="P80" s="157"/>
      <c r="Q80" s="157"/>
      <c r="R80" s="207">
        <v>299</v>
      </c>
      <c r="S80" s="207"/>
      <c r="T80" s="207"/>
      <c r="U80" s="207"/>
      <c r="V80" s="207"/>
      <c r="W80" s="207"/>
      <c r="X80" s="207"/>
      <c r="Y80" s="207"/>
      <c r="Z80" s="154">
        <v>709</v>
      </c>
      <c r="AA80" s="154"/>
      <c r="AB80" s="154"/>
      <c r="AC80" s="154"/>
      <c r="AD80" s="154"/>
      <c r="AE80" s="154"/>
      <c r="AF80" s="154"/>
      <c r="AG80" s="155"/>
    </row>
    <row r="81" spans="1:33" s="2" customFormat="1" ht="19.5" customHeight="1">
      <c r="A81" s="23"/>
      <c r="B81" s="44"/>
      <c r="C81" s="22"/>
      <c r="D81" s="22"/>
      <c r="E81" s="22"/>
      <c r="F81" s="420" t="s">
        <v>107</v>
      </c>
      <c r="G81" s="420"/>
      <c r="H81" s="420"/>
      <c r="I81" s="24"/>
      <c r="J81" s="327">
        <v>270</v>
      </c>
      <c r="K81" s="157"/>
      <c r="L81" s="157"/>
      <c r="M81" s="157"/>
      <c r="N81" s="157"/>
      <c r="O81" s="157"/>
      <c r="P81" s="157"/>
      <c r="Q81" s="157"/>
      <c r="R81" s="207">
        <v>262</v>
      </c>
      <c r="S81" s="207"/>
      <c r="T81" s="207"/>
      <c r="U81" s="207"/>
      <c r="V81" s="207"/>
      <c r="W81" s="207"/>
      <c r="X81" s="207"/>
      <c r="Y81" s="207"/>
      <c r="Z81" s="154">
        <v>664</v>
      </c>
      <c r="AA81" s="154"/>
      <c r="AB81" s="154"/>
      <c r="AC81" s="154"/>
      <c r="AD81" s="154"/>
      <c r="AE81" s="154"/>
      <c r="AF81" s="154"/>
      <c r="AG81" s="155"/>
    </row>
    <row r="82" spans="1:33" s="2" customFormat="1" ht="19.5" customHeight="1">
      <c r="A82" s="42"/>
      <c r="B82" s="53"/>
      <c r="C82" s="49"/>
      <c r="D82" s="49"/>
      <c r="E82" s="49"/>
      <c r="F82" s="420" t="s">
        <v>208</v>
      </c>
      <c r="G82" s="420"/>
      <c r="H82" s="420"/>
      <c r="I82" s="50"/>
      <c r="J82" s="157">
        <v>182</v>
      </c>
      <c r="K82" s="157"/>
      <c r="L82" s="157"/>
      <c r="M82" s="157"/>
      <c r="N82" s="157"/>
      <c r="O82" s="157"/>
      <c r="P82" s="157"/>
      <c r="Q82" s="157"/>
      <c r="R82" s="207">
        <v>293</v>
      </c>
      <c r="S82" s="207"/>
      <c r="T82" s="207"/>
      <c r="U82" s="207"/>
      <c r="V82" s="207"/>
      <c r="W82" s="207"/>
      <c r="X82" s="207"/>
      <c r="Y82" s="207"/>
      <c r="Z82" s="154">
        <v>603</v>
      </c>
      <c r="AA82" s="154"/>
      <c r="AB82" s="154"/>
      <c r="AC82" s="154"/>
      <c r="AD82" s="154"/>
      <c r="AE82" s="154"/>
      <c r="AF82" s="154"/>
      <c r="AG82" s="155"/>
    </row>
    <row r="83" spans="1:33" s="2" customFormat="1" ht="19.5" customHeight="1">
      <c r="A83" s="47"/>
      <c r="B83" s="390" t="s">
        <v>202</v>
      </c>
      <c r="C83" s="390"/>
      <c r="D83" s="390"/>
      <c r="E83" s="390"/>
      <c r="F83" s="390"/>
      <c r="G83" s="390"/>
      <c r="H83" s="390"/>
      <c r="I83" s="48"/>
      <c r="J83" s="594">
        <v>556</v>
      </c>
      <c r="K83" s="594"/>
      <c r="L83" s="594"/>
      <c r="M83" s="594"/>
      <c r="N83" s="594"/>
      <c r="O83" s="594"/>
      <c r="P83" s="594"/>
      <c r="Q83" s="594"/>
      <c r="R83" s="207">
        <v>632</v>
      </c>
      <c r="S83" s="207"/>
      <c r="T83" s="207"/>
      <c r="U83" s="207"/>
      <c r="V83" s="207"/>
      <c r="W83" s="207"/>
      <c r="X83" s="207"/>
      <c r="Y83" s="207"/>
      <c r="Z83" s="154">
        <v>212</v>
      </c>
      <c r="AA83" s="154"/>
      <c r="AB83" s="154"/>
      <c r="AC83" s="154"/>
      <c r="AD83" s="154"/>
      <c r="AE83" s="154"/>
      <c r="AF83" s="154"/>
      <c r="AG83" s="155"/>
    </row>
    <row r="84" spans="1:33" s="2" customFormat="1" ht="19.5" customHeight="1">
      <c r="A84" s="51"/>
      <c r="B84" s="391" t="s">
        <v>203</v>
      </c>
      <c r="C84" s="391"/>
      <c r="D84" s="391"/>
      <c r="E84" s="391"/>
      <c r="F84" s="391"/>
      <c r="G84" s="391"/>
      <c r="H84" s="391"/>
      <c r="I84" s="52"/>
      <c r="J84" s="157">
        <v>8966</v>
      </c>
      <c r="K84" s="157"/>
      <c r="L84" s="157"/>
      <c r="M84" s="157"/>
      <c r="N84" s="157"/>
      <c r="O84" s="157"/>
      <c r="P84" s="157"/>
      <c r="Q84" s="157"/>
      <c r="R84" s="207">
        <v>8584</v>
      </c>
      <c r="S84" s="207"/>
      <c r="T84" s="207"/>
      <c r="U84" s="207"/>
      <c r="V84" s="207"/>
      <c r="W84" s="207"/>
      <c r="X84" s="207"/>
      <c r="Y84" s="207"/>
      <c r="Z84" s="154">
        <v>7779</v>
      </c>
      <c r="AA84" s="154"/>
      <c r="AB84" s="154"/>
      <c r="AC84" s="154"/>
      <c r="AD84" s="154"/>
      <c r="AE84" s="154"/>
      <c r="AF84" s="154"/>
      <c r="AG84" s="155"/>
    </row>
    <row r="85" spans="1:33" s="2" customFormat="1" ht="19.5" customHeight="1">
      <c r="A85" s="74"/>
      <c r="B85" s="392" t="s">
        <v>204</v>
      </c>
      <c r="C85" s="392"/>
      <c r="D85" s="392"/>
      <c r="E85" s="392"/>
      <c r="F85" s="392"/>
      <c r="G85" s="392"/>
      <c r="H85" s="392"/>
      <c r="I85" s="75"/>
      <c r="J85" s="341">
        <v>134</v>
      </c>
      <c r="K85" s="341"/>
      <c r="L85" s="341"/>
      <c r="M85" s="341"/>
      <c r="N85" s="341"/>
      <c r="O85" s="341"/>
      <c r="P85" s="341"/>
      <c r="Q85" s="341"/>
      <c r="R85" s="601">
        <v>73</v>
      </c>
      <c r="S85" s="601"/>
      <c r="T85" s="601"/>
      <c r="U85" s="601"/>
      <c r="V85" s="601"/>
      <c r="W85" s="601"/>
      <c r="X85" s="601"/>
      <c r="Y85" s="601"/>
      <c r="Z85" s="603">
        <v>55</v>
      </c>
      <c r="AA85" s="603"/>
      <c r="AB85" s="603"/>
      <c r="AC85" s="603"/>
      <c r="AD85" s="603"/>
      <c r="AE85" s="603"/>
      <c r="AF85" s="603"/>
      <c r="AG85" s="604"/>
    </row>
    <row r="86" spans="1:33" s="2" customFormat="1" ht="19.5" customHeight="1">
      <c r="A86" s="1"/>
      <c r="B86" s="1"/>
      <c r="C86" s="1"/>
      <c r="D86" s="1"/>
      <c r="E86" s="1"/>
      <c r="F86" s="1"/>
      <c r="G86" s="1"/>
      <c r="H86" s="1"/>
      <c r="I86" s="1"/>
      <c r="J86" s="1"/>
      <c r="K86" s="1"/>
      <c r="L86" s="1"/>
      <c r="M86" s="1"/>
      <c r="N86" s="1"/>
      <c r="O86" s="1"/>
      <c r="P86" s="1"/>
      <c r="Q86" s="1"/>
      <c r="R86" s="1"/>
      <c r="S86" s="1"/>
      <c r="T86" s="1"/>
      <c r="U86" s="1"/>
      <c r="V86" s="1"/>
      <c r="W86" s="1"/>
      <c r="X86" s="1"/>
      <c r="Y86" s="1"/>
      <c r="Z86" s="1"/>
      <c r="AA86" s="1"/>
      <c r="AB86" s="11"/>
      <c r="AC86" s="11"/>
      <c r="AD86" s="11"/>
      <c r="AE86" s="11"/>
      <c r="AF86" s="11"/>
      <c r="AG86" s="8" t="s">
        <v>181</v>
      </c>
    </row>
    <row r="87" spans="1:33" s="2" customFormat="1" ht="19.5" customHeight="1">
      <c r="A87" s="12" t="s">
        <v>76</v>
      </c>
      <c r="B87" s="61"/>
      <c r="AB87" s="13"/>
      <c r="AC87" s="13"/>
      <c r="AD87" s="138" t="s">
        <v>2</v>
      </c>
      <c r="AE87" s="138"/>
      <c r="AF87" s="138"/>
      <c r="AG87" s="138"/>
    </row>
    <row r="88" spans="1:33" s="1" customFormat="1" ht="15.75" customHeight="1">
      <c r="A88" s="288" t="s">
        <v>24</v>
      </c>
      <c r="B88" s="289"/>
      <c r="C88" s="289"/>
      <c r="D88" s="289"/>
      <c r="E88" s="289"/>
      <c r="F88" s="289"/>
      <c r="G88" s="290"/>
      <c r="H88" s="440" t="s">
        <v>123</v>
      </c>
      <c r="I88" s="441"/>
      <c r="J88" s="124" t="s">
        <v>124</v>
      </c>
      <c r="K88" s="125"/>
      <c r="L88" s="124" t="s">
        <v>125</v>
      </c>
      <c r="M88" s="125"/>
      <c r="N88" s="124" t="s">
        <v>126</v>
      </c>
      <c r="O88" s="125"/>
      <c r="P88" s="124" t="s">
        <v>127</v>
      </c>
      <c r="Q88" s="125"/>
      <c r="R88" s="124" t="s">
        <v>128</v>
      </c>
      <c r="S88" s="125"/>
      <c r="T88" s="124" t="s">
        <v>129</v>
      </c>
      <c r="U88" s="125"/>
      <c r="V88" s="124" t="s">
        <v>130</v>
      </c>
      <c r="W88" s="125"/>
      <c r="X88" s="124" t="s">
        <v>131</v>
      </c>
      <c r="Y88" s="125"/>
      <c r="Z88" s="124" t="s">
        <v>132</v>
      </c>
      <c r="AA88" s="125"/>
      <c r="AB88" s="124" t="s">
        <v>133</v>
      </c>
      <c r="AC88" s="125"/>
      <c r="AD88" s="124" t="s">
        <v>134</v>
      </c>
      <c r="AE88" s="125"/>
      <c r="AF88" s="124" t="s">
        <v>22</v>
      </c>
      <c r="AG88" s="609"/>
    </row>
    <row r="89" spans="1:33" s="1" customFormat="1" ht="81.75" customHeight="1">
      <c r="A89" s="291"/>
      <c r="B89" s="292"/>
      <c r="C89" s="292"/>
      <c r="D89" s="292"/>
      <c r="E89" s="292"/>
      <c r="F89" s="292"/>
      <c r="G89" s="293"/>
      <c r="H89" s="442"/>
      <c r="I89" s="443"/>
      <c r="J89" s="126"/>
      <c r="K89" s="127"/>
      <c r="L89" s="126"/>
      <c r="M89" s="127"/>
      <c r="N89" s="126"/>
      <c r="O89" s="127"/>
      <c r="P89" s="126"/>
      <c r="Q89" s="127"/>
      <c r="R89" s="126"/>
      <c r="S89" s="127"/>
      <c r="T89" s="126"/>
      <c r="U89" s="127"/>
      <c r="V89" s="126"/>
      <c r="W89" s="127"/>
      <c r="X89" s="126"/>
      <c r="Y89" s="127"/>
      <c r="Z89" s="126"/>
      <c r="AA89" s="127"/>
      <c r="AB89" s="126"/>
      <c r="AC89" s="127"/>
      <c r="AD89" s="126"/>
      <c r="AE89" s="127"/>
      <c r="AF89" s="126"/>
      <c r="AG89" s="610"/>
    </row>
    <row r="90" spans="1:33" s="2" customFormat="1" ht="15.75" customHeight="1">
      <c r="A90" s="285" t="s">
        <v>97</v>
      </c>
      <c r="B90" s="286"/>
      <c r="C90" s="286"/>
      <c r="D90" s="286"/>
      <c r="E90" s="286"/>
      <c r="F90" s="286"/>
      <c r="G90" s="287"/>
      <c r="H90" s="444"/>
      <c r="I90" s="445"/>
      <c r="J90" s="128"/>
      <c r="K90" s="129"/>
      <c r="L90" s="128"/>
      <c r="M90" s="129"/>
      <c r="N90" s="128"/>
      <c r="O90" s="129"/>
      <c r="P90" s="128"/>
      <c r="Q90" s="129"/>
      <c r="R90" s="128"/>
      <c r="S90" s="129"/>
      <c r="T90" s="128"/>
      <c r="U90" s="129"/>
      <c r="V90" s="128"/>
      <c r="W90" s="129"/>
      <c r="X90" s="128"/>
      <c r="Y90" s="129"/>
      <c r="Z90" s="128"/>
      <c r="AA90" s="129"/>
      <c r="AB90" s="128"/>
      <c r="AC90" s="129"/>
      <c r="AD90" s="128"/>
      <c r="AE90" s="129"/>
      <c r="AF90" s="128"/>
      <c r="AG90" s="611"/>
    </row>
    <row r="91" spans="1:33" s="2" customFormat="1" ht="20.25" customHeight="1">
      <c r="A91" s="393">
        <v>4</v>
      </c>
      <c r="B91" s="394"/>
      <c r="C91" s="394"/>
      <c r="D91" s="394"/>
      <c r="E91" s="394"/>
      <c r="F91" s="394"/>
      <c r="G91" s="395"/>
      <c r="H91" s="396">
        <v>682</v>
      </c>
      <c r="I91" s="156"/>
      <c r="J91" s="156">
        <v>176</v>
      </c>
      <c r="K91" s="156"/>
      <c r="L91" s="156">
        <v>42</v>
      </c>
      <c r="M91" s="156"/>
      <c r="N91" s="156">
        <v>105</v>
      </c>
      <c r="O91" s="156"/>
      <c r="P91" s="156">
        <v>46</v>
      </c>
      <c r="Q91" s="156"/>
      <c r="R91" s="156">
        <v>10</v>
      </c>
      <c r="S91" s="156"/>
      <c r="T91" s="156" t="s">
        <v>80</v>
      </c>
      <c r="U91" s="156"/>
      <c r="V91" s="156">
        <v>18</v>
      </c>
      <c r="W91" s="156"/>
      <c r="X91" s="156">
        <v>4</v>
      </c>
      <c r="Y91" s="156"/>
      <c r="Z91" s="156">
        <v>48</v>
      </c>
      <c r="AA91" s="156"/>
      <c r="AB91" s="156">
        <v>12</v>
      </c>
      <c r="AC91" s="156"/>
      <c r="AD91" s="156">
        <v>7</v>
      </c>
      <c r="AE91" s="156"/>
      <c r="AF91" s="156">
        <v>214</v>
      </c>
      <c r="AG91" s="439"/>
    </row>
    <row r="92" spans="1:33" s="2" customFormat="1" ht="20.25" customHeight="1">
      <c r="A92" s="406">
        <v>5</v>
      </c>
      <c r="B92" s="407"/>
      <c r="C92" s="407"/>
      <c r="D92" s="407"/>
      <c r="E92" s="407"/>
      <c r="F92" s="407"/>
      <c r="G92" s="408"/>
      <c r="H92" s="327">
        <v>617</v>
      </c>
      <c r="I92" s="157"/>
      <c r="J92" s="157">
        <v>163</v>
      </c>
      <c r="K92" s="157"/>
      <c r="L92" s="157">
        <v>35</v>
      </c>
      <c r="M92" s="157"/>
      <c r="N92" s="157">
        <v>76</v>
      </c>
      <c r="O92" s="157"/>
      <c r="P92" s="157">
        <v>45</v>
      </c>
      <c r="Q92" s="157"/>
      <c r="R92" s="157">
        <v>10</v>
      </c>
      <c r="S92" s="157"/>
      <c r="T92" s="157">
        <v>2</v>
      </c>
      <c r="U92" s="157"/>
      <c r="V92" s="157">
        <v>14</v>
      </c>
      <c r="W92" s="157"/>
      <c r="X92" s="157">
        <v>3</v>
      </c>
      <c r="Y92" s="157"/>
      <c r="Z92" s="157">
        <v>74</v>
      </c>
      <c r="AA92" s="157"/>
      <c r="AB92" s="157">
        <v>14</v>
      </c>
      <c r="AC92" s="157"/>
      <c r="AD92" s="157">
        <v>6</v>
      </c>
      <c r="AE92" s="157"/>
      <c r="AF92" s="157">
        <v>175</v>
      </c>
      <c r="AG92" s="206"/>
    </row>
    <row r="93" spans="1:33" s="2" customFormat="1" ht="20.25" customHeight="1">
      <c r="A93" s="410">
        <v>6</v>
      </c>
      <c r="B93" s="411"/>
      <c r="C93" s="411"/>
      <c r="D93" s="411"/>
      <c r="E93" s="411"/>
      <c r="F93" s="411"/>
      <c r="G93" s="412"/>
      <c r="H93" s="589">
        <v>650</v>
      </c>
      <c r="I93" s="590"/>
      <c r="J93" s="153">
        <v>177</v>
      </c>
      <c r="K93" s="153"/>
      <c r="L93" s="153">
        <v>34</v>
      </c>
      <c r="M93" s="153"/>
      <c r="N93" s="153">
        <v>115</v>
      </c>
      <c r="O93" s="153"/>
      <c r="P93" s="153">
        <v>36</v>
      </c>
      <c r="Q93" s="153"/>
      <c r="R93" s="153">
        <v>5</v>
      </c>
      <c r="S93" s="153"/>
      <c r="T93" s="153">
        <v>4</v>
      </c>
      <c r="U93" s="153"/>
      <c r="V93" s="153">
        <v>18</v>
      </c>
      <c r="W93" s="153"/>
      <c r="X93" s="153">
        <v>5</v>
      </c>
      <c r="Y93" s="153"/>
      <c r="Z93" s="153">
        <v>74</v>
      </c>
      <c r="AA93" s="153"/>
      <c r="AB93" s="153">
        <v>10</v>
      </c>
      <c r="AC93" s="153"/>
      <c r="AD93" s="153">
        <v>9</v>
      </c>
      <c r="AE93" s="153"/>
      <c r="AF93" s="153">
        <v>163</v>
      </c>
      <c r="AG93" s="210"/>
    </row>
    <row r="94" spans="1:33" s="2" customFormat="1" ht="14.25" customHeight="1">
      <c r="A94" s="16" t="s">
        <v>81</v>
      </c>
      <c r="B94" s="1"/>
      <c r="C94" s="1"/>
      <c r="D94" s="1"/>
      <c r="E94" s="1"/>
      <c r="F94" s="1"/>
      <c r="G94" s="1"/>
      <c r="H94" s="1"/>
      <c r="I94" s="1"/>
      <c r="J94" s="7"/>
      <c r="K94" s="7"/>
      <c r="L94" s="7"/>
      <c r="M94" s="7"/>
      <c r="N94" s="7"/>
      <c r="O94" s="7"/>
      <c r="P94" s="14"/>
      <c r="Q94" s="14"/>
      <c r="R94" s="14"/>
      <c r="S94" s="1"/>
      <c r="T94" s="1"/>
      <c r="U94" s="1"/>
      <c r="V94" s="1"/>
      <c r="W94" s="1"/>
      <c r="X94" s="7"/>
      <c r="Y94" s="7"/>
      <c r="Z94" s="7"/>
      <c r="AA94" s="11"/>
      <c r="AB94" s="11"/>
      <c r="AC94" s="11"/>
      <c r="AD94" s="11"/>
      <c r="AE94" s="11"/>
      <c r="AF94" s="11"/>
      <c r="AG94" s="11" t="s">
        <v>197</v>
      </c>
    </row>
    <row r="95" spans="1:33" s="2" customFormat="1" ht="14.25" customHeight="1">
      <c r="A95" s="16" t="s">
        <v>178</v>
      </c>
      <c r="B95" s="1"/>
      <c r="C95" s="1"/>
      <c r="D95" s="1"/>
      <c r="E95" s="1"/>
      <c r="F95" s="1"/>
      <c r="G95" s="1"/>
      <c r="H95" s="1"/>
      <c r="I95" s="1"/>
      <c r="J95" s="7"/>
      <c r="K95" s="7"/>
      <c r="L95" s="7"/>
      <c r="M95" s="7"/>
      <c r="N95" s="7"/>
      <c r="O95" s="7"/>
      <c r="P95" s="14"/>
      <c r="Q95" s="14"/>
      <c r="R95" s="14"/>
      <c r="S95" s="1"/>
      <c r="T95" s="1"/>
      <c r="U95" s="1"/>
      <c r="V95" s="1"/>
      <c r="W95" s="1"/>
      <c r="X95" s="7"/>
      <c r="Y95" s="7"/>
      <c r="Z95" s="1"/>
      <c r="AA95" s="11"/>
      <c r="AB95" s="11"/>
      <c r="AC95" s="11"/>
      <c r="AD95" s="11"/>
      <c r="AE95" s="11"/>
      <c r="AF95" s="11"/>
      <c r="AG95" s="1"/>
    </row>
    <row r="96" spans="1:33" s="2" customFormat="1" ht="14.25" customHeight="1">
      <c r="A96" s="16" t="s">
        <v>198</v>
      </c>
      <c r="B96" s="1"/>
      <c r="C96" s="1"/>
      <c r="D96" s="1"/>
      <c r="E96" s="1"/>
      <c r="F96" s="1"/>
      <c r="G96" s="1"/>
      <c r="H96" s="1"/>
      <c r="I96" s="1"/>
      <c r="J96" s="7"/>
      <c r="K96" s="7"/>
      <c r="L96" s="7"/>
      <c r="M96" s="7"/>
      <c r="N96" s="7"/>
      <c r="O96" s="7"/>
      <c r="P96" s="14"/>
      <c r="Q96" s="14"/>
      <c r="R96" s="14"/>
      <c r="S96" s="1"/>
      <c r="T96" s="1"/>
      <c r="U96" s="1"/>
      <c r="V96" s="1"/>
      <c r="W96" s="1"/>
      <c r="X96" s="7"/>
      <c r="Y96" s="7"/>
      <c r="Z96" s="7"/>
      <c r="AA96" s="11"/>
      <c r="AB96" s="11"/>
      <c r="AC96" s="11"/>
      <c r="AD96" s="11"/>
      <c r="AE96" s="11"/>
      <c r="AF96" s="11"/>
      <c r="AG96" s="11"/>
    </row>
    <row r="97" spans="1:40" s="2" customFormat="1" ht="14.25" customHeight="1">
      <c r="A97" s="16" t="s">
        <v>179</v>
      </c>
      <c r="B97" s="1"/>
      <c r="C97" s="1"/>
      <c r="D97" s="1"/>
      <c r="E97" s="1"/>
      <c r="F97" s="1"/>
      <c r="G97" s="1"/>
      <c r="H97" s="1"/>
      <c r="I97" s="1"/>
      <c r="J97" s="7"/>
      <c r="K97" s="7"/>
      <c r="L97" s="7"/>
      <c r="M97" s="7"/>
      <c r="N97" s="7"/>
      <c r="O97" s="7"/>
      <c r="P97" s="14"/>
      <c r="Q97" s="578"/>
      <c r="R97" s="578"/>
      <c r="S97" s="1"/>
      <c r="T97" s="1"/>
      <c r="U97" s="1"/>
      <c r="V97" s="1"/>
      <c r="W97" s="1"/>
      <c r="X97" s="7"/>
      <c r="Y97" s="7"/>
      <c r="Z97" s="7"/>
      <c r="AA97" s="11"/>
      <c r="AB97" s="11"/>
      <c r="AC97" s="11"/>
      <c r="AD97" s="11"/>
      <c r="AE97" s="11"/>
      <c r="AF97" s="11"/>
      <c r="AG97" s="1"/>
    </row>
    <row r="98" spans="1:40" s="2" customFormat="1" ht="15.75" customHeight="1">
      <c r="A98" s="1"/>
      <c r="B98" s="1"/>
      <c r="C98" s="1"/>
      <c r="D98" s="1"/>
      <c r="E98" s="1"/>
      <c r="F98" s="1"/>
      <c r="G98" s="1"/>
      <c r="H98" s="1"/>
      <c r="I98" s="7"/>
      <c r="J98" s="7"/>
      <c r="K98" s="7"/>
      <c r="L98" s="7"/>
      <c r="M98" s="7"/>
      <c r="N98" s="7"/>
      <c r="O98" s="14"/>
      <c r="P98" s="14"/>
      <c r="Q98" s="14"/>
      <c r="R98" s="1"/>
      <c r="S98" s="1"/>
      <c r="T98" s="1"/>
      <c r="U98" s="1"/>
      <c r="V98" s="1"/>
      <c r="W98" s="7"/>
      <c r="X98" s="7"/>
      <c r="Y98" s="7"/>
      <c r="Z98" s="11"/>
      <c r="AA98" s="11"/>
      <c r="AB98" s="11"/>
      <c r="AC98" s="11"/>
      <c r="AD98" s="11"/>
      <c r="AE98" s="11"/>
      <c r="AF98" s="1"/>
      <c r="AG98" s="1"/>
    </row>
    <row r="99" spans="1:40" s="2" customFormat="1" ht="18.75" customHeight="1">
      <c r="A99" s="12" t="s">
        <v>75</v>
      </c>
      <c r="AA99" s="13"/>
      <c r="AB99" s="13"/>
      <c r="AD99" s="5"/>
      <c r="AE99" s="5"/>
      <c r="AF99" s="5"/>
      <c r="AG99" s="21" t="s">
        <v>5</v>
      </c>
      <c r="AH99" s="623"/>
      <c r="AI99" s="624"/>
      <c r="AJ99" s="57"/>
      <c r="AL99" s="57"/>
      <c r="AN99" s="57"/>
    </row>
    <row r="100" spans="1:40" s="2" customFormat="1" ht="19.5" customHeight="1">
      <c r="A100" s="288" t="s">
        <v>23</v>
      </c>
      <c r="B100" s="289"/>
      <c r="C100" s="289"/>
      <c r="D100" s="289"/>
      <c r="E100" s="289"/>
      <c r="F100" s="289"/>
      <c r="G100" s="289"/>
      <c r="H100" s="289"/>
      <c r="I100" s="289"/>
      <c r="J100" s="289"/>
      <c r="K100" s="289"/>
      <c r="L100" s="290"/>
      <c r="M100" s="142">
        <v>4</v>
      </c>
      <c r="N100" s="143"/>
      <c r="O100" s="143"/>
      <c r="P100" s="143"/>
      <c r="Q100" s="143"/>
      <c r="R100" s="143"/>
      <c r="S100" s="144"/>
      <c r="T100" s="142">
        <v>5</v>
      </c>
      <c r="U100" s="143"/>
      <c r="V100" s="143"/>
      <c r="W100" s="143"/>
      <c r="X100" s="143"/>
      <c r="Y100" s="143"/>
      <c r="Z100" s="144"/>
      <c r="AA100" s="149">
        <v>6</v>
      </c>
      <c r="AB100" s="149"/>
      <c r="AC100" s="149"/>
      <c r="AD100" s="149"/>
      <c r="AE100" s="149"/>
      <c r="AF100" s="149"/>
      <c r="AG100" s="150"/>
      <c r="AH100" s="56"/>
      <c r="AI100" s="54"/>
      <c r="AJ100" s="57"/>
      <c r="AL100" s="57"/>
      <c r="AN100" s="57"/>
    </row>
    <row r="101" spans="1:40" s="2" customFormat="1" ht="12.75" customHeight="1">
      <c r="A101" s="285" t="s">
        <v>16</v>
      </c>
      <c r="B101" s="286"/>
      <c r="C101" s="286"/>
      <c r="D101" s="286"/>
      <c r="E101" s="286"/>
      <c r="F101" s="286"/>
      <c r="G101" s="286"/>
      <c r="H101" s="286"/>
      <c r="I101" s="286"/>
      <c r="J101" s="286"/>
      <c r="K101" s="286"/>
      <c r="L101" s="287"/>
      <c r="M101" s="145"/>
      <c r="N101" s="146"/>
      <c r="O101" s="146"/>
      <c r="P101" s="146"/>
      <c r="Q101" s="146"/>
      <c r="R101" s="146"/>
      <c r="S101" s="147"/>
      <c r="T101" s="145"/>
      <c r="U101" s="146"/>
      <c r="V101" s="146"/>
      <c r="W101" s="146"/>
      <c r="X101" s="146"/>
      <c r="Y101" s="146"/>
      <c r="Z101" s="147"/>
      <c r="AA101" s="151"/>
      <c r="AB101" s="151"/>
      <c r="AC101" s="151"/>
      <c r="AD101" s="151"/>
      <c r="AE101" s="151"/>
      <c r="AF101" s="151"/>
      <c r="AG101" s="152"/>
    </row>
    <row r="102" spans="1:40" s="2" customFormat="1" ht="15.95" customHeight="1">
      <c r="A102" s="414" t="s">
        <v>216</v>
      </c>
      <c r="B102" s="415"/>
      <c r="C102" s="415"/>
      <c r="D102" s="415"/>
      <c r="E102" s="415"/>
      <c r="F102" s="415"/>
      <c r="G102" s="415"/>
      <c r="H102" s="416"/>
      <c r="I102" s="92" t="s">
        <v>25</v>
      </c>
      <c r="J102" s="93"/>
      <c r="K102" s="93"/>
      <c r="L102" s="94"/>
      <c r="M102" s="87" t="s">
        <v>215</v>
      </c>
      <c r="N102" s="88"/>
      <c r="O102" s="88"/>
      <c r="P102" s="88"/>
      <c r="Q102" s="88"/>
      <c r="R102" s="88"/>
      <c r="S102" s="88"/>
      <c r="T102" s="89" t="s">
        <v>215</v>
      </c>
      <c r="U102" s="89"/>
      <c r="V102" s="89"/>
      <c r="W102" s="89"/>
      <c r="X102" s="89"/>
      <c r="Y102" s="89"/>
      <c r="Z102" s="89"/>
      <c r="AA102" s="90">
        <v>395</v>
      </c>
      <c r="AB102" s="90"/>
      <c r="AC102" s="90"/>
      <c r="AD102" s="90"/>
      <c r="AE102" s="90"/>
      <c r="AF102" s="90"/>
      <c r="AG102" s="91"/>
    </row>
    <row r="103" spans="1:40" s="2" customFormat="1" ht="15.95" customHeight="1">
      <c r="A103" s="417"/>
      <c r="B103" s="418"/>
      <c r="C103" s="418"/>
      <c r="D103" s="418"/>
      <c r="E103" s="418"/>
      <c r="F103" s="418"/>
      <c r="G103" s="418"/>
      <c r="H103" s="419"/>
      <c r="I103" s="92" t="s">
        <v>217</v>
      </c>
      <c r="J103" s="93"/>
      <c r="K103" s="93"/>
      <c r="L103" s="94"/>
      <c r="M103" s="95" t="s">
        <v>215</v>
      </c>
      <c r="N103" s="96"/>
      <c r="O103" s="96"/>
      <c r="P103" s="96"/>
      <c r="Q103" s="96"/>
      <c r="R103" s="96"/>
      <c r="S103" s="96"/>
      <c r="T103" s="97" t="s">
        <v>215</v>
      </c>
      <c r="U103" s="97"/>
      <c r="V103" s="97"/>
      <c r="W103" s="97"/>
      <c r="X103" s="97"/>
      <c r="Y103" s="97"/>
      <c r="Z103" s="97"/>
      <c r="AA103" s="98">
        <v>331</v>
      </c>
      <c r="AB103" s="98"/>
      <c r="AC103" s="98"/>
      <c r="AD103" s="98"/>
      <c r="AE103" s="98"/>
      <c r="AF103" s="98"/>
      <c r="AG103" s="99"/>
      <c r="AH103" s="86"/>
    </row>
    <row r="104" spans="1:40" s="1" customFormat="1" ht="15.75" customHeight="1">
      <c r="A104" s="397" t="s">
        <v>135</v>
      </c>
      <c r="B104" s="398"/>
      <c r="C104" s="398"/>
      <c r="D104" s="398"/>
      <c r="E104" s="398"/>
      <c r="F104" s="398"/>
      <c r="G104" s="398"/>
      <c r="H104" s="399"/>
      <c r="I104" s="387" t="s">
        <v>25</v>
      </c>
      <c r="J104" s="388"/>
      <c r="K104" s="388"/>
      <c r="L104" s="389"/>
      <c r="M104" s="297">
        <v>448</v>
      </c>
      <c r="N104" s="409"/>
      <c r="O104" s="409"/>
      <c r="P104" s="409"/>
      <c r="Q104" s="409"/>
      <c r="R104" s="409"/>
      <c r="S104" s="409"/>
      <c r="T104" s="612">
        <v>506</v>
      </c>
      <c r="U104" s="612"/>
      <c r="V104" s="612"/>
      <c r="W104" s="612"/>
      <c r="X104" s="612"/>
      <c r="Y104" s="612"/>
      <c r="Z104" s="612"/>
      <c r="AA104" s="209">
        <v>428</v>
      </c>
      <c r="AB104" s="209"/>
      <c r="AC104" s="209"/>
      <c r="AD104" s="209"/>
      <c r="AE104" s="209"/>
      <c r="AF104" s="209"/>
      <c r="AG104" s="123"/>
    </row>
    <row r="105" spans="1:40" s="1" customFormat="1" ht="15.75" customHeight="1">
      <c r="A105" s="400"/>
      <c r="B105" s="401"/>
      <c r="C105" s="401"/>
      <c r="D105" s="401"/>
      <c r="E105" s="401"/>
      <c r="F105" s="401"/>
      <c r="G105" s="401"/>
      <c r="H105" s="402"/>
      <c r="I105" s="387" t="s">
        <v>17</v>
      </c>
      <c r="J105" s="388"/>
      <c r="K105" s="388"/>
      <c r="L105" s="389"/>
      <c r="M105" s="297">
        <v>444</v>
      </c>
      <c r="N105" s="272"/>
      <c r="O105" s="272"/>
      <c r="P105" s="272"/>
      <c r="Q105" s="272"/>
      <c r="R105" s="272"/>
      <c r="S105" s="272"/>
      <c r="T105" s="148">
        <v>499</v>
      </c>
      <c r="U105" s="148"/>
      <c r="V105" s="148"/>
      <c r="W105" s="148"/>
      <c r="X105" s="148"/>
      <c r="Y105" s="148"/>
      <c r="Z105" s="148"/>
      <c r="AA105" s="122">
        <v>422</v>
      </c>
      <c r="AB105" s="122"/>
      <c r="AC105" s="122"/>
      <c r="AD105" s="122"/>
      <c r="AE105" s="122"/>
      <c r="AF105" s="122"/>
      <c r="AG105" s="123"/>
    </row>
    <row r="106" spans="1:40" s="2" customFormat="1" ht="15.75" customHeight="1">
      <c r="A106" s="403"/>
      <c r="B106" s="404"/>
      <c r="C106" s="404"/>
      <c r="D106" s="404"/>
      <c r="E106" s="404"/>
      <c r="F106" s="404"/>
      <c r="G106" s="404"/>
      <c r="H106" s="405"/>
      <c r="I106" s="387" t="s">
        <v>26</v>
      </c>
      <c r="J106" s="388"/>
      <c r="K106" s="388"/>
      <c r="L106" s="389"/>
      <c r="M106" s="577">
        <v>99.1</v>
      </c>
      <c r="N106" s="571"/>
      <c r="O106" s="571"/>
      <c r="P106" s="571"/>
      <c r="Q106" s="571"/>
      <c r="R106" s="571"/>
      <c r="S106" s="571"/>
      <c r="T106" s="571">
        <v>98.6</v>
      </c>
      <c r="U106" s="571"/>
      <c r="V106" s="571"/>
      <c r="W106" s="571"/>
      <c r="X106" s="571"/>
      <c r="Y106" s="571"/>
      <c r="Z106" s="571"/>
      <c r="AA106" s="139">
        <v>98.6</v>
      </c>
      <c r="AB106" s="139"/>
      <c r="AC106" s="139"/>
      <c r="AD106" s="139"/>
      <c r="AE106" s="139"/>
      <c r="AF106" s="139"/>
      <c r="AG106" s="140"/>
    </row>
    <row r="107" spans="1:40" s="2" customFormat="1" ht="15.75" customHeight="1">
      <c r="A107" s="397" t="s">
        <v>136</v>
      </c>
      <c r="B107" s="398"/>
      <c r="C107" s="398"/>
      <c r="D107" s="398"/>
      <c r="E107" s="398"/>
      <c r="F107" s="398"/>
      <c r="G107" s="398"/>
      <c r="H107" s="399"/>
      <c r="I107" s="387" t="s">
        <v>25</v>
      </c>
      <c r="J107" s="388"/>
      <c r="K107" s="388"/>
      <c r="L107" s="389"/>
      <c r="M107" s="297">
        <v>546</v>
      </c>
      <c r="N107" s="272"/>
      <c r="O107" s="272"/>
      <c r="P107" s="272"/>
      <c r="Q107" s="272"/>
      <c r="R107" s="272"/>
      <c r="S107" s="272"/>
      <c r="T107" s="148">
        <v>530</v>
      </c>
      <c r="U107" s="148"/>
      <c r="V107" s="148"/>
      <c r="W107" s="148"/>
      <c r="X107" s="148"/>
      <c r="Y107" s="148"/>
      <c r="Z107" s="148"/>
      <c r="AA107" s="122">
        <v>466</v>
      </c>
      <c r="AB107" s="122"/>
      <c r="AC107" s="122"/>
      <c r="AD107" s="122"/>
      <c r="AE107" s="122"/>
      <c r="AF107" s="122"/>
      <c r="AG107" s="123"/>
    </row>
    <row r="108" spans="1:40" s="2" customFormat="1" ht="15.75" customHeight="1">
      <c r="A108" s="400"/>
      <c r="B108" s="401"/>
      <c r="C108" s="401"/>
      <c r="D108" s="401"/>
      <c r="E108" s="401"/>
      <c r="F108" s="401"/>
      <c r="G108" s="401"/>
      <c r="H108" s="402"/>
      <c r="I108" s="387" t="s">
        <v>17</v>
      </c>
      <c r="J108" s="388"/>
      <c r="K108" s="388"/>
      <c r="L108" s="389"/>
      <c r="M108" s="297">
        <v>530</v>
      </c>
      <c r="N108" s="272"/>
      <c r="O108" s="272"/>
      <c r="P108" s="272"/>
      <c r="Q108" s="272"/>
      <c r="R108" s="272"/>
      <c r="S108" s="272"/>
      <c r="T108" s="148">
        <v>513</v>
      </c>
      <c r="U108" s="148"/>
      <c r="V108" s="148"/>
      <c r="W108" s="148"/>
      <c r="X108" s="148"/>
      <c r="Y108" s="148"/>
      <c r="Z108" s="148"/>
      <c r="AA108" s="122">
        <v>446</v>
      </c>
      <c r="AB108" s="122"/>
      <c r="AC108" s="122"/>
      <c r="AD108" s="122"/>
      <c r="AE108" s="122"/>
      <c r="AF108" s="122"/>
      <c r="AG108" s="123"/>
    </row>
    <row r="109" spans="1:40" s="2" customFormat="1" ht="15.75" customHeight="1">
      <c r="A109" s="403"/>
      <c r="B109" s="404"/>
      <c r="C109" s="404"/>
      <c r="D109" s="404"/>
      <c r="E109" s="404"/>
      <c r="F109" s="404"/>
      <c r="G109" s="404"/>
      <c r="H109" s="405"/>
      <c r="I109" s="387" t="s">
        <v>26</v>
      </c>
      <c r="J109" s="388"/>
      <c r="K109" s="388"/>
      <c r="L109" s="389"/>
      <c r="M109" s="577">
        <v>97.1</v>
      </c>
      <c r="N109" s="571"/>
      <c r="O109" s="571"/>
      <c r="P109" s="571"/>
      <c r="Q109" s="571"/>
      <c r="R109" s="571"/>
      <c r="S109" s="571"/>
      <c r="T109" s="571">
        <v>96.8</v>
      </c>
      <c r="U109" s="571"/>
      <c r="V109" s="571"/>
      <c r="W109" s="571"/>
      <c r="X109" s="571"/>
      <c r="Y109" s="571"/>
      <c r="Z109" s="571"/>
      <c r="AA109" s="139">
        <v>95.7</v>
      </c>
      <c r="AB109" s="139"/>
      <c r="AC109" s="139"/>
      <c r="AD109" s="139"/>
      <c r="AE109" s="139"/>
      <c r="AF109" s="139"/>
      <c r="AG109" s="140"/>
    </row>
    <row r="110" spans="1:40" s="2" customFormat="1" ht="15.75" customHeight="1">
      <c r="A110" s="397" t="s">
        <v>137</v>
      </c>
      <c r="B110" s="398"/>
      <c r="C110" s="398"/>
      <c r="D110" s="398"/>
      <c r="E110" s="398"/>
      <c r="F110" s="398"/>
      <c r="G110" s="398"/>
      <c r="H110" s="399"/>
      <c r="I110" s="387" t="s">
        <v>25</v>
      </c>
      <c r="J110" s="388"/>
      <c r="K110" s="388"/>
      <c r="L110" s="389"/>
      <c r="M110" s="297">
        <v>567</v>
      </c>
      <c r="N110" s="272"/>
      <c r="O110" s="272"/>
      <c r="P110" s="272"/>
      <c r="Q110" s="272"/>
      <c r="R110" s="272"/>
      <c r="S110" s="272"/>
      <c r="T110" s="148">
        <v>528</v>
      </c>
      <c r="U110" s="148"/>
      <c r="V110" s="148"/>
      <c r="W110" s="148"/>
      <c r="X110" s="148"/>
      <c r="Y110" s="148"/>
      <c r="Z110" s="148"/>
      <c r="AA110" s="122">
        <v>543</v>
      </c>
      <c r="AB110" s="122"/>
      <c r="AC110" s="122"/>
      <c r="AD110" s="122"/>
      <c r="AE110" s="122"/>
      <c r="AF110" s="122"/>
      <c r="AG110" s="123"/>
    </row>
    <row r="111" spans="1:40" s="2" customFormat="1" ht="15.75" customHeight="1">
      <c r="A111" s="400"/>
      <c r="B111" s="401"/>
      <c r="C111" s="401"/>
      <c r="D111" s="401"/>
      <c r="E111" s="401"/>
      <c r="F111" s="401"/>
      <c r="G111" s="401"/>
      <c r="H111" s="402"/>
      <c r="I111" s="387" t="s">
        <v>17</v>
      </c>
      <c r="J111" s="388"/>
      <c r="K111" s="388"/>
      <c r="L111" s="389"/>
      <c r="M111" s="297">
        <v>564</v>
      </c>
      <c r="N111" s="272"/>
      <c r="O111" s="272"/>
      <c r="P111" s="272"/>
      <c r="Q111" s="272"/>
      <c r="R111" s="272"/>
      <c r="S111" s="272"/>
      <c r="T111" s="148">
        <v>516</v>
      </c>
      <c r="U111" s="148"/>
      <c r="V111" s="148"/>
      <c r="W111" s="148"/>
      <c r="X111" s="148"/>
      <c r="Y111" s="148"/>
      <c r="Z111" s="148"/>
      <c r="AA111" s="122">
        <v>531</v>
      </c>
      <c r="AB111" s="122"/>
      <c r="AC111" s="122"/>
      <c r="AD111" s="122"/>
      <c r="AE111" s="122"/>
      <c r="AF111" s="122"/>
      <c r="AG111" s="123"/>
      <c r="AK111" s="30"/>
      <c r="AL111" s="30"/>
    </row>
    <row r="112" spans="1:40" s="2" customFormat="1" ht="15.75" customHeight="1">
      <c r="A112" s="403"/>
      <c r="B112" s="404"/>
      <c r="C112" s="404"/>
      <c r="D112" s="404"/>
      <c r="E112" s="404"/>
      <c r="F112" s="404"/>
      <c r="G112" s="404"/>
      <c r="H112" s="405"/>
      <c r="I112" s="387" t="s">
        <v>26</v>
      </c>
      <c r="J112" s="388"/>
      <c r="K112" s="388"/>
      <c r="L112" s="389"/>
      <c r="M112" s="577">
        <v>99.5</v>
      </c>
      <c r="N112" s="571"/>
      <c r="O112" s="571"/>
      <c r="P112" s="571"/>
      <c r="Q112" s="571"/>
      <c r="R112" s="571"/>
      <c r="S112" s="571"/>
      <c r="T112" s="571">
        <v>97.7</v>
      </c>
      <c r="U112" s="571"/>
      <c r="V112" s="571"/>
      <c r="W112" s="571"/>
      <c r="X112" s="571"/>
      <c r="Y112" s="571"/>
      <c r="Z112" s="571"/>
      <c r="AA112" s="139">
        <v>97.8</v>
      </c>
      <c r="AB112" s="139"/>
      <c r="AC112" s="139"/>
      <c r="AD112" s="139"/>
      <c r="AE112" s="139"/>
      <c r="AF112" s="139"/>
      <c r="AG112" s="140"/>
      <c r="AK112" s="30"/>
      <c r="AL112" s="30"/>
    </row>
    <row r="113" spans="1:38" s="2" customFormat="1" ht="15.75" customHeight="1">
      <c r="A113" s="397" t="s">
        <v>138</v>
      </c>
      <c r="B113" s="398"/>
      <c r="C113" s="398"/>
      <c r="D113" s="398"/>
      <c r="E113" s="398"/>
      <c r="F113" s="398"/>
      <c r="G113" s="398"/>
      <c r="H113" s="399"/>
      <c r="I113" s="387" t="s">
        <v>25</v>
      </c>
      <c r="J113" s="388"/>
      <c r="K113" s="388"/>
      <c r="L113" s="389"/>
      <c r="M113" s="297">
        <v>544</v>
      </c>
      <c r="N113" s="272"/>
      <c r="O113" s="272"/>
      <c r="P113" s="272"/>
      <c r="Q113" s="272"/>
      <c r="R113" s="272"/>
      <c r="S113" s="272"/>
      <c r="T113" s="148">
        <v>626</v>
      </c>
      <c r="U113" s="148"/>
      <c r="V113" s="148"/>
      <c r="W113" s="148"/>
      <c r="X113" s="148"/>
      <c r="Y113" s="148"/>
      <c r="Z113" s="148"/>
      <c r="AA113" s="122">
        <v>544</v>
      </c>
      <c r="AB113" s="122"/>
      <c r="AC113" s="122"/>
      <c r="AD113" s="122"/>
      <c r="AE113" s="122"/>
      <c r="AF113" s="122"/>
      <c r="AG113" s="123"/>
      <c r="AK113" s="30"/>
      <c r="AL113" s="30"/>
    </row>
    <row r="114" spans="1:38" s="2" customFormat="1" ht="15.75" customHeight="1">
      <c r="A114" s="400"/>
      <c r="B114" s="401"/>
      <c r="C114" s="401"/>
      <c r="D114" s="401"/>
      <c r="E114" s="401"/>
      <c r="F114" s="401"/>
      <c r="G114" s="401"/>
      <c r="H114" s="402"/>
      <c r="I114" s="387" t="s">
        <v>17</v>
      </c>
      <c r="J114" s="388"/>
      <c r="K114" s="388"/>
      <c r="L114" s="389"/>
      <c r="M114" s="297">
        <v>524</v>
      </c>
      <c r="N114" s="272"/>
      <c r="O114" s="272"/>
      <c r="P114" s="272"/>
      <c r="Q114" s="272"/>
      <c r="R114" s="272"/>
      <c r="S114" s="272"/>
      <c r="T114" s="148">
        <v>603</v>
      </c>
      <c r="U114" s="148"/>
      <c r="V114" s="148"/>
      <c r="W114" s="148"/>
      <c r="X114" s="148"/>
      <c r="Y114" s="148"/>
      <c r="Z114" s="148"/>
      <c r="AA114" s="122">
        <v>513</v>
      </c>
      <c r="AB114" s="122"/>
      <c r="AC114" s="122"/>
      <c r="AD114" s="122"/>
      <c r="AE114" s="122"/>
      <c r="AF114" s="122"/>
      <c r="AG114" s="123"/>
      <c r="AK114" s="30"/>
      <c r="AL114" s="30"/>
    </row>
    <row r="115" spans="1:38" s="2" customFormat="1" ht="15.75" customHeight="1">
      <c r="A115" s="403"/>
      <c r="B115" s="404"/>
      <c r="C115" s="404"/>
      <c r="D115" s="404"/>
      <c r="E115" s="404"/>
      <c r="F115" s="404"/>
      <c r="G115" s="404"/>
      <c r="H115" s="405"/>
      <c r="I115" s="387" t="s">
        <v>26</v>
      </c>
      <c r="J115" s="388"/>
      <c r="K115" s="388"/>
      <c r="L115" s="389"/>
      <c r="M115" s="577">
        <v>96.3</v>
      </c>
      <c r="N115" s="571"/>
      <c r="O115" s="571"/>
      <c r="P115" s="571"/>
      <c r="Q115" s="571"/>
      <c r="R115" s="571"/>
      <c r="S115" s="571"/>
      <c r="T115" s="571">
        <v>96.3</v>
      </c>
      <c r="U115" s="571"/>
      <c r="V115" s="571"/>
      <c r="W115" s="571"/>
      <c r="X115" s="571"/>
      <c r="Y115" s="571"/>
      <c r="Z115" s="571"/>
      <c r="AA115" s="139">
        <v>94.3</v>
      </c>
      <c r="AB115" s="139"/>
      <c r="AC115" s="139"/>
      <c r="AD115" s="139"/>
      <c r="AE115" s="139"/>
      <c r="AF115" s="139"/>
      <c r="AG115" s="140"/>
      <c r="AK115" s="30"/>
      <c r="AL115" s="30"/>
    </row>
    <row r="116" spans="1:38" s="2" customFormat="1" ht="15.75" customHeight="1">
      <c r="A116" s="397" t="s">
        <v>139</v>
      </c>
      <c r="B116" s="398"/>
      <c r="C116" s="398"/>
      <c r="D116" s="398"/>
      <c r="E116" s="398"/>
      <c r="F116" s="398"/>
      <c r="G116" s="398"/>
      <c r="H116" s="399"/>
      <c r="I116" s="387" t="s">
        <v>25</v>
      </c>
      <c r="J116" s="388"/>
      <c r="K116" s="388"/>
      <c r="L116" s="389"/>
      <c r="M116" s="297">
        <v>668</v>
      </c>
      <c r="N116" s="272"/>
      <c r="O116" s="272"/>
      <c r="P116" s="272"/>
      <c r="Q116" s="272"/>
      <c r="R116" s="272"/>
      <c r="S116" s="272"/>
      <c r="T116" s="148">
        <v>588</v>
      </c>
      <c r="U116" s="148"/>
      <c r="V116" s="148"/>
      <c r="W116" s="148"/>
      <c r="X116" s="148"/>
      <c r="Y116" s="148"/>
      <c r="Z116" s="148"/>
      <c r="AA116" s="122">
        <v>629</v>
      </c>
      <c r="AB116" s="122"/>
      <c r="AC116" s="122"/>
      <c r="AD116" s="122"/>
      <c r="AE116" s="122"/>
      <c r="AF116" s="122"/>
      <c r="AG116" s="123"/>
      <c r="AK116" s="30"/>
      <c r="AL116" s="30"/>
    </row>
    <row r="117" spans="1:38" s="2" customFormat="1" ht="15.75" customHeight="1">
      <c r="A117" s="400"/>
      <c r="B117" s="401"/>
      <c r="C117" s="401"/>
      <c r="D117" s="401"/>
      <c r="E117" s="401"/>
      <c r="F117" s="401"/>
      <c r="G117" s="401"/>
      <c r="H117" s="402"/>
      <c r="I117" s="387" t="s">
        <v>17</v>
      </c>
      <c r="J117" s="388"/>
      <c r="K117" s="388"/>
      <c r="L117" s="389"/>
      <c r="M117" s="297">
        <v>648</v>
      </c>
      <c r="N117" s="272"/>
      <c r="O117" s="272"/>
      <c r="P117" s="272"/>
      <c r="Q117" s="272"/>
      <c r="R117" s="272"/>
      <c r="S117" s="272"/>
      <c r="T117" s="148">
        <v>578</v>
      </c>
      <c r="U117" s="148"/>
      <c r="V117" s="148"/>
      <c r="W117" s="148"/>
      <c r="X117" s="148"/>
      <c r="Y117" s="148"/>
      <c r="Z117" s="148"/>
      <c r="AA117" s="122">
        <v>611</v>
      </c>
      <c r="AB117" s="122"/>
      <c r="AC117" s="122"/>
      <c r="AD117" s="122"/>
      <c r="AE117" s="122"/>
      <c r="AF117" s="122"/>
      <c r="AG117" s="123"/>
      <c r="AK117" s="30"/>
      <c r="AL117" s="30"/>
    </row>
    <row r="118" spans="1:38" s="2" customFormat="1" ht="15.75" customHeight="1">
      <c r="A118" s="403"/>
      <c r="B118" s="404"/>
      <c r="C118" s="404"/>
      <c r="D118" s="404"/>
      <c r="E118" s="404"/>
      <c r="F118" s="404"/>
      <c r="G118" s="404"/>
      <c r="H118" s="405"/>
      <c r="I118" s="387" t="s">
        <v>26</v>
      </c>
      <c r="J118" s="388"/>
      <c r="K118" s="388"/>
      <c r="L118" s="389"/>
      <c r="M118" s="577">
        <v>97</v>
      </c>
      <c r="N118" s="571"/>
      <c r="O118" s="571"/>
      <c r="P118" s="571"/>
      <c r="Q118" s="571"/>
      <c r="R118" s="571"/>
      <c r="S118" s="571"/>
      <c r="T118" s="571">
        <v>98.3</v>
      </c>
      <c r="U118" s="571"/>
      <c r="V118" s="571"/>
      <c r="W118" s="571"/>
      <c r="X118" s="571"/>
      <c r="Y118" s="571"/>
      <c r="Z118" s="571"/>
      <c r="AA118" s="139">
        <v>97.1</v>
      </c>
      <c r="AB118" s="139"/>
      <c r="AC118" s="139"/>
      <c r="AD118" s="139"/>
      <c r="AE118" s="139"/>
      <c r="AF118" s="139"/>
      <c r="AG118" s="140"/>
      <c r="AK118" s="30"/>
      <c r="AL118" s="30"/>
    </row>
    <row r="119" spans="1:38" s="2" customFormat="1" ht="15.75" customHeight="1">
      <c r="A119" s="397" t="s">
        <v>199</v>
      </c>
      <c r="B119" s="398"/>
      <c r="C119" s="398"/>
      <c r="D119" s="398"/>
      <c r="E119" s="398"/>
      <c r="F119" s="398"/>
      <c r="G119" s="398"/>
      <c r="H119" s="399"/>
      <c r="I119" s="387" t="s">
        <v>25</v>
      </c>
      <c r="J119" s="388"/>
      <c r="K119" s="388"/>
      <c r="L119" s="389"/>
      <c r="M119" s="297">
        <v>994</v>
      </c>
      <c r="N119" s="272"/>
      <c r="O119" s="272"/>
      <c r="P119" s="272"/>
      <c r="Q119" s="272"/>
      <c r="R119" s="272"/>
      <c r="S119" s="272"/>
      <c r="T119" s="148">
        <v>1036</v>
      </c>
      <c r="U119" s="148"/>
      <c r="V119" s="148"/>
      <c r="W119" s="148"/>
      <c r="X119" s="148"/>
      <c r="Y119" s="148"/>
      <c r="Z119" s="148"/>
      <c r="AA119" s="122">
        <v>894</v>
      </c>
      <c r="AB119" s="122"/>
      <c r="AC119" s="122"/>
      <c r="AD119" s="122"/>
      <c r="AE119" s="122"/>
      <c r="AF119" s="122"/>
      <c r="AG119" s="123"/>
      <c r="AK119" s="30"/>
      <c r="AL119" s="30"/>
    </row>
    <row r="120" spans="1:38" s="2" customFormat="1" ht="15.75" customHeight="1">
      <c r="A120" s="400"/>
      <c r="B120" s="401"/>
      <c r="C120" s="401"/>
      <c r="D120" s="401"/>
      <c r="E120" s="401"/>
      <c r="F120" s="401"/>
      <c r="G120" s="401"/>
      <c r="H120" s="402"/>
      <c r="I120" s="387" t="s">
        <v>31</v>
      </c>
      <c r="J120" s="388"/>
      <c r="K120" s="388"/>
      <c r="L120" s="389"/>
      <c r="M120" s="297">
        <v>394</v>
      </c>
      <c r="N120" s="272"/>
      <c r="O120" s="272"/>
      <c r="P120" s="272"/>
      <c r="Q120" s="272"/>
      <c r="R120" s="272"/>
      <c r="S120" s="272"/>
      <c r="T120" s="148">
        <v>714</v>
      </c>
      <c r="U120" s="148"/>
      <c r="V120" s="148"/>
      <c r="W120" s="148"/>
      <c r="X120" s="148"/>
      <c r="Y120" s="148"/>
      <c r="Z120" s="148"/>
      <c r="AA120" s="122">
        <v>672</v>
      </c>
      <c r="AB120" s="122"/>
      <c r="AC120" s="122"/>
      <c r="AD120" s="122"/>
      <c r="AE120" s="122"/>
      <c r="AF120" s="122"/>
      <c r="AG120" s="123"/>
      <c r="AK120" s="30"/>
      <c r="AL120" s="30"/>
    </row>
    <row r="121" spans="1:38" s="2" customFormat="1" ht="15.75" customHeight="1">
      <c r="A121" s="403"/>
      <c r="B121" s="404"/>
      <c r="C121" s="404"/>
      <c r="D121" s="404"/>
      <c r="E121" s="404"/>
      <c r="F121" s="404"/>
      <c r="G121" s="404"/>
      <c r="H121" s="405"/>
      <c r="I121" s="387" t="s">
        <v>32</v>
      </c>
      <c r="J121" s="388"/>
      <c r="K121" s="388"/>
      <c r="L121" s="389"/>
      <c r="M121" s="577">
        <v>39.6</v>
      </c>
      <c r="N121" s="571"/>
      <c r="O121" s="571"/>
      <c r="P121" s="571"/>
      <c r="Q121" s="571"/>
      <c r="R121" s="571"/>
      <c r="S121" s="571"/>
      <c r="T121" s="571">
        <v>68.900000000000006</v>
      </c>
      <c r="U121" s="571"/>
      <c r="V121" s="571"/>
      <c r="W121" s="571"/>
      <c r="X121" s="571"/>
      <c r="Y121" s="571"/>
      <c r="Z121" s="571"/>
      <c r="AA121" s="139">
        <v>75.2</v>
      </c>
      <c r="AB121" s="139"/>
      <c r="AC121" s="139"/>
      <c r="AD121" s="139"/>
      <c r="AE121" s="139"/>
      <c r="AF121" s="139"/>
      <c r="AG121" s="140"/>
      <c r="AK121" s="30"/>
      <c r="AL121" s="30"/>
    </row>
    <row r="122" spans="1:38" s="2" customFormat="1" ht="15.75" customHeight="1">
      <c r="A122" s="397" t="s">
        <v>140</v>
      </c>
      <c r="B122" s="398"/>
      <c r="C122" s="398"/>
      <c r="D122" s="398"/>
      <c r="E122" s="398"/>
      <c r="F122" s="398"/>
      <c r="G122" s="398"/>
      <c r="H122" s="399"/>
      <c r="I122" s="387" t="s">
        <v>25</v>
      </c>
      <c r="J122" s="388"/>
      <c r="K122" s="388"/>
      <c r="L122" s="389"/>
      <c r="M122" s="297">
        <v>538</v>
      </c>
      <c r="N122" s="272"/>
      <c r="O122" s="272"/>
      <c r="P122" s="272"/>
      <c r="Q122" s="272"/>
      <c r="R122" s="272"/>
      <c r="S122" s="272"/>
      <c r="T122" s="148">
        <v>463</v>
      </c>
      <c r="U122" s="148"/>
      <c r="V122" s="148"/>
      <c r="W122" s="148"/>
      <c r="X122" s="148"/>
      <c r="Y122" s="148"/>
      <c r="Z122" s="148"/>
      <c r="AA122" s="122">
        <v>510</v>
      </c>
      <c r="AB122" s="122"/>
      <c r="AC122" s="122"/>
      <c r="AD122" s="122"/>
      <c r="AE122" s="122"/>
      <c r="AF122" s="122"/>
      <c r="AG122" s="123"/>
      <c r="AK122" s="30"/>
      <c r="AL122" s="30"/>
    </row>
    <row r="123" spans="1:38" s="2" customFormat="1" ht="24.75" customHeight="1">
      <c r="A123" s="400"/>
      <c r="B123" s="401"/>
      <c r="C123" s="401"/>
      <c r="D123" s="401"/>
      <c r="E123" s="401"/>
      <c r="F123" s="401"/>
      <c r="G123" s="401"/>
      <c r="H123" s="402"/>
      <c r="I123" s="557" t="s">
        <v>141</v>
      </c>
      <c r="J123" s="558"/>
      <c r="K123" s="558"/>
      <c r="L123" s="559"/>
      <c r="M123" s="297">
        <v>141</v>
      </c>
      <c r="N123" s="272"/>
      <c r="O123" s="272"/>
      <c r="P123" s="272"/>
      <c r="Q123" s="272"/>
      <c r="R123" s="272"/>
      <c r="S123" s="272"/>
      <c r="T123" s="148">
        <v>130</v>
      </c>
      <c r="U123" s="148"/>
      <c r="V123" s="148"/>
      <c r="W123" s="148"/>
      <c r="X123" s="148"/>
      <c r="Y123" s="148"/>
      <c r="Z123" s="148"/>
      <c r="AA123" s="122">
        <v>120</v>
      </c>
      <c r="AB123" s="122"/>
      <c r="AC123" s="122"/>
      <c r="AD123" s="122"/>
      <c r="AE123" s="122"/>
      <c r="AF123" s="122"/>
      <c r="AG123" s="123"/>
      <c r="AK123" s="30"/>
      <c r="AL123" s="30"/>
    </row>
    <row r="124" spans="1:38" s="2" customFormat="1" ht="24.75" customHeight="1">
      <c r="A124" s="400"/>
      <c r="B124" s="401"/>
      <c r="C124" s="401"/>
      <c r="D124" s="401"/>
      <c r="E124" s="401"/>
      <c r="F124" s="401"/>
      <c r="G124" s="401"/>
      <c r="H124" s="402"/>
      <c r="I124" s="557" t="s">
        <v>142</v>
      </c>
      <c r="J124" s="558"/>
      <c r="K124" s="558"/>
      <c r="L124" s="559"/>
      <c r="M124" s="297">
        <v>193</v>
      </c>
      <c r="N124" s="272"/>
      <c r="O124" s="272"/>
      <c r="P124" s="272"/>
      <c r="Q124" s="272"/>
      <c r="R124" s="272"/>
      <c r="S124" s="272"/>
      <c r="T124" s="148">
        <v>168</v>
      </c>
      <c r="U124" s="148"/>
      <c r="V124" s="148"/>
      <c r="W124" s="148"/>
      <c r="X124" s="148"/>
      <c r="Y124" s="148"/>
      <c r="Z124" s="148"/>
      <c r="AA124" s="122">
        <v>168</v>
      </c>
      <c r="AB124" s="122"/>
      <c r="AC124" s="122"/>
      <c r="AD124" s="122"/>
      <c r="AE124" s="122"/>
      <c r="AF124" s="122"/>
      <c r="AG124" s="123"/>
    </row>
    <row r="125" spans="1:38" s="2" customFormat="1" ht="15.75" customHeight="1">
      <c r="A125" s="568" t="s">
        <v>33</v>
      </c>
      <c r="B125" s="569"/>
      <c r="C125" s="569"/>
      <c r="D125" s="569"/>
      <c r="E125" s="569"/>
      <c r="F125" s="569"/>
      <c r="G125" s="569"/>
      <c r="H125" s="570"/>
      <c r="I125" s="574" t="s">
        <v>143</v>
      </c>
      <c r="J125" s="575"/>
      <c r="K125" s="575"/>
      <c r="L125" s="576"/>
      <c r="M125" s="572">
        <v>287</v>
      </c>
      <c r="N125" s="573"/>
      <c r="O125" s="573"/>
      <c r="P125" s="573"/>
      <c r="Q125" s="573"/>
      <c r="R125" s="573"/>
      <c r="S125" s="573"/>
      <c r="T125" s="566">
        <v>240</v>
      </c>
      <c r="U125" s="566"/>
      <c r="V125" s="566"/>
      <c r="W125" s="566"/>
      <c r="X125" s="566"/>
      <c r="Y125" s="566"/>
      <c r="Z125" s="566"/>
      <c r="AA125" s="239">
        <v>278</v>
      </c>
      <c r="AB125" s="239"/>
      <c r="AC125" s="239"/>
      <c r="AD125" s="239"/>
      <c r="AE125" s="239"/>
      <c r="AF125" s="239"/>
      <c r="AG125" s="242"/>
      <c r="AK125" s="30"/>
      <c r="AL125" s="30"/>
    </row>
    <row r="126" spans="1:38" s="2" customFormat="1" ht="15.75" customHeight="1">
      <c r="A126" s="16" t="s">
        <v>218</v>
      </c>
      <c r="B126" s="70"/>
      <c r="C126" s="70"/>
      <c r="D126" s="70"/>
      <c r="E126" s="70"/>
      <c r="F126" s="70"/>
      <c r="G126" s="70"/>
      <c r="H126" s="70"/>
      <c r="I126" s="69"/>
      <c r="J126" s="69"/>
      <c r="K126" s="69"/>
      <c r="L126" s="69"/>
      <c r="M126" s="71"/>
      <c r="N126" s="71"/>
      <c r="O126" s="71"/>
      <c r="P126" s="71"/>
      <c r="Q126" s="71"/>
      <c r="R126" s="71"/>
      <c r="S126" s="71"/>
      <c r="T126" s="72"/>
      <c r="U126" s="72"/>
      <c r="V126" s="72"/>
      <c r="W126" s="72"/>
      <c r="X126" s="72"/>
      <c r="Y126" s="72"/>
      <c r="Z126" s="72"/>
      <c r="AA126" s="73"/>
      <c r="AB126" s="68"/>
      <c r="AC126" s="68"/>
      <c r="AD126" s="68"/>
      <c r="AE126" s="68"/>
      <c r="AF126" s="68"/>
      <c r="AG126" s="8" t="s">
        <v>185</v>
      </c>
    </row>
    <row r="127" spans="1:38" s="2" customFormat="1" ht="15.75" customHeight="1">
      <c r="A127" s="31"/>
      <c r="B127" s="31"/>
      <c r="C127" s="31"/>
      <c r="D127" s="31"/>
      <c r="E127" s="31"/>
      <c r="F127" s="27"/>
      <c r="G127" s="27"/>
      <c r="H127" s="27"/>
      <c r="I127" s="27"/>
      <c r="J127" s="13"/>
      <c r="K127" s="13"/>
      <c r="L127" s="13"/>
      <c r="M127" s="13"/>
      <c r="N127" s="13"/>
      <c r="O127" s="13"/>
      <c r="P127" s="13"/>
      <c r="Q127" s="13"/>
      <c r="R127" s="13"/>
      <c r="X127" s="13"/>
      <c r="Y127" s="13"/>
      <c r="Z127" s="13"/>
      <c r="AA127" s="11"/>
      <c r="AB127" s="11"/>
      <c r="AC127" s="11"/>
      <c r="AD127" s="11"/>
      <c r="AE127" s="11"/>
      <c r="AF127" s="11"/>
      <c r="AG127" s="8"/>
    </row>
    <row r="128" spans="1:38" s="2" customFormat="1" ht="15.75" customHeight="1">
      <c r="A128" s="12" t="s">
        <v>74</v>
      </c>
      <c r="P128" s="13"/>
      <c r="Q128" s="13"/>
      <c r="R128" s="13"/>
      <c r="X128" s="13"/>
      <c r="Y128" s="13"/>
      <c r="Z128" s="13"/>
      <c r="AA128" s="11"/>
      <c r="AB128" s="11"/>
      <c r="AC128" s="11"/>
      <c r="AD128" s="11"/>
      <c r="AE128" s="13"/>
      <c r="AF128" s="13"/>
      <c r="AG128" s="6" t="s">
        <v>2</v>
      </c>
    </row>
    <row r="129" spans="1:38" s="2" customFormat="1" ht="13.5" customHeight="1">
      <c r="A129" s="288" t="s">
        <v>23</v>
      </c>
      <c r="B129" s="289"/>
      <c r="C129" s="289"/>
      <c r="D129" s="289"/>
      <c r="E129" s="289"/>
      <c r="F129" s="289"/>
      <c r="G129" s="289"/>
      <c r="H129" s="289"/>
      <c r="I129" s="289"/>
      <c r="J129" s="289"/>
      <c r="K129" s="289"/>
      <c r="L129" s="290"/>
      <c r="M129" s="142">
        <v>4</v>
      </c>
      <c r="N129" s="143"/>
      <c r="O129" s="143"/>
      <c r="P129" s="143"/>
      <c r="Q129" s="143"/>
      <c r="R129" s="143"/>
      <c r="S129" s="144"/>
      <c r="T129" s="142">
        <v>5</v>
      </c>
      <c r="U129" s="143"/>
      <c r="V129" s="143"/>
      <c r="W129" s="143"/>
      <c r="X129" s="143"/>
      <c r="Y129" s="143"/>
      <c r="Z129" s="143"/>
      <c r="AA129" s="621">
        <v>6</v>
      </c>
      <c r="AB129" s="149"/>
      <c r="AC129" s="149"/>
      <c r="AD129" s="149"/>
      <c r="AE129" s="149"/>
      <c r="AF129" s="149"/>
      <c r="AG129" s="150"/>
      <c r="AK129" s="30"/>
      <c r="AL129" s="30"/>
    </row>
    <row r="130" spans="1:38" s="2" customFormat="1" ht="13.5" customHeight="1">
      <c r="A130" s="285" t="s">
        <v>16</v>
      </c>
      <c r="B130" s="286"/>
      <c r="C130" s="286"/>
      <c r="D130" s="286"/>
      <c r="E130" s="286"/>
      <c r="F130" s="286"/>
      <c r="G130" s="286"/>
      <c r="H130" s="286"/>
      <c r="I130" s="286"/>
      <c r="J130" s="286"/>
      <c r="K130" s="286"/>
      <c r="L130" s="287"/>
      <c r="M130" s="145"/>
      <c r="N130" s="146"/>
      <c r="O130" s="146"/>
      <c r="P130" s="146"/>
      <c r="Q130" s="146"/>
      <c r="R130" s="146"/>
      <c r="S130" s="147"/>
      <c r="T130" s="145"/>
      <c r="U130" s="146"/>
      <c r="V130" s="146"/>
      <c r="W130" s="146"/>
      <c r="X130" s="146"/>
      <c r="Y130" s="146"/>
      <c r="Z130" s="146"/>
      <c r="AA130" s="622"/>
      <c r="AB130" s="151"/>
      <c r="AC130" s="151"/>
      <c r="AD130" s="151"/>
      <c r="AE130" s="151"/>
      <c r="AF130" s="151"/>
      <c r="AG130" s="152"/>
    </row>
    <row r="131" spans="1:38" s="2" customFormat="1" ht="13.5" customHeight="1">
      <c r="A131" s="534" t="s">
        <v>34</v>
      </c>
      <c r="B131" s="501"/>
      <c r="C131" s="501"/>
      <c r="D131" s="501"/>
      <c r="E131" s="501"/>
      <c r="F131" s="501"/>
      <c r="G131" s="501"/>
      <c r="H131" s="501"/>
      <c r="I131" s="501"/>
      <c r="J131" s="501"/>
      <c r="K131" s="501"/>
      <c r="L131" s="506"/>
      <c r="M131" s="348">
        <v>2</v>
      </c>
      <c r="N131" s="348"/>
      <c r="O131" s="348"/>
      <c r="P131" s="348"/>
      <c r="Q131" s="348"/>
      <c r="R131" s="348"/>
      <c r="S131" s="348"/>
      <c r="T131" s="348">
        <v>2</v>
      </c>
      <c r="U131" s="348"/>
      <c r="V131" s="348"/>
      <c r="W131" s="348"/>
      <c r="X131" s="348"/>
      <c r="Y131" s="348"/>
      <c r="Z131" s="348"/>
      <c r="AA131" s="120">
        <v>2</v>
      </c>
      <c r="AB131" s="120"/>
      <c r="AC131" s="120"/>
      <c r="AD131" s="120"/>
      <c r="AE131" s="120"/>
      <c r="AF131" s="120"/>
      <c r="AG131" s="121"/>
    </row>
    <row r="132" spans="1:38" s="2" customFormat="1" ht="13.5" customHeight="1">
      <c r="A132" s="534" t="s">
        <v>35</v>
      </c>
      <c r="B132" s="501"/>
      <c r="C132" s="501"/>
      <c r="D132" s="501"/>
      <c r="E132" s="501"/>
      <c r="F132" s="501"/>
      <c r="G132" s="501"/>
      <c r="H132" s="501"/>
      <c r="I132" s="501"/>
      <c r="J132" s="501"/>
      <c r="K132" s="501"/>
      <c r="L132" s="506"/>
      <c r="M132" s="213">
        <v>3</v>
      </c>
      <c r="N132" s="213"/>
      <c r="O132" s="213"/>
      <c r="P132" s="213"/>
      <c r="Q132" s="213"/>
      <c r="R132" s="213"/>
      <c r="S132" s="213"/>
      <c r="T132" s="620">
        <v>4</v>
      </c>
      <c r="U132" s="620"/>
      <c r="V132" s="620"/>
      <c r="W132" s="620"/>
      <c r="X132" s="620"/>
      <c r="Y132" s="620"/>
      <c r="Z132" s="620"/>
      <c r="AA132" s="318">
        <v>3</v>
      </c>
      <c r="AB132" s="318"/>
      <c r="AC132" s="318"/>
      <c r="AD132" s="318"/>
      <c r="AE132" s="318"/>
      <c r="AF132" s="318"/>
      <c r="AG132" s="319"/>
    </row>
    <row r="133" spans="1:38" s="2" customFormat="1" ht="13.5" customHeight="1">
      <c r="A133" s="525" t="s">
        <v>144</v>
      </c>
      <c r="B133" s="526"/>
      <c r="C133" s="526"/>
      <c r="D133" s="527"/>
      <c r="E133" s="563" t="s">
        <v>36</v>
      </c>
      <c r="F133" s="564"/>
      <c r="G133" s="564"/>
      <c r="H133" s="564"/>
      <c r="I133" s="564"/>
      <c r="J133" s="564"/>
      <c r="K133" s="564"/>
      <c r="L133" s="565"/>
      <c r="M133" s="211">
        <v>2</v>
      </c>
      <c r="N133" s="211"/>
      <c r="O133" s="211"/>
      <c r="P133" s="211"/>
      <c r="Q133" s="211"/>
      <c r="R133" s="211"/>
      <c r="S133" s="211"/>
      <c r="T133" s="141">
        <v>2</v>
      </c>
      <c r="U133" s="141"/>
      <c r="V133" s="141"/>
      <c r="W133" s="141"/>
      <c r="X133" s="141"/>
      <c r="Y133" s="141"/>
      <c r="Z133" s="141"/>
      <c r="AA133" s="130">
        <v>2</v>
      </c>
      <c r="AB133" s="130"/>
      <c r="AC133" s="130"/>
      <c r="AD133" s="130"/>
      <c r="AE133" s="130"/>
      <c r="AF133" s="130"/>
      <c r="AG133" s="131"/>
    </row>
    <row r="134" spans="1:38" s="2" customFormat="1" ht="13.5" customHeight="1">
      <c r="A134" s="528"/>
      <c r="B134" s="529"/>
      <c r="C134" s="529"/>
      <c r="D134" s="530"/>
      <c r="E134" s="535" t="s">
        <v>37</v>
      </c>
      <c r="F134" s="536"/>
      <c r="G134" s="536"/>
      <c r="H134" s="536"/>
      <c r="I134" s="536"/>
      <c r="J134" s="536"/>
      <c r="K134" s="536"/>
      <c r="L134" s="537"/>
      <c r="M134" s="204" t="s">
        <v>80</v>
      </c>
      <c r="N134" s="204"/>
      <c r="O134" s="204"/>
      <c r="P134" s="204"/>
      <c r="Q134" s="204"/>
      <c r="R134" s="204"/>
      <c r="S134" s="204"/>
      <c r="T134" s="212" t="s">
        <v>80</v>
      </c>
      <c r="U134" s="212"/>
      <c r="V134" s="212"/>
      <c r="W134" s="212"/>
      <c r="X134" s="212"/>
      <c r="Y134" s="212"/>
      <c r="Z134" s="212"/>
      <c r="AA134" s="132" t="s">
        <v>80</v>
      </c>
      <c r="AB134" s="132"/>
      <c r="AC134" s="132"/>
      <c r="AD134" s="132"/>
      <c r="AE134" s="132"/>
      <c r="AF134" s="132"/>
      <c r="AG134" s="133"/>
    </row>
    <row r="135" spans="1:38" s="2" customFormat="1" ht="13.5" customHeight="1">
      <c r="A135" s="528"/>
      <c r="B135" s="529"/>
      <c r="C135" s="529"/>
      <c r="D135" s="530"/>
      <c r="E135" s="535" t="s">
        <v>38</v>
      </c>
      <c r="F135" s="536"/>
      <c r="G135" s="536"/>
      <c r="H135" s="536"/>
      <c r="I135" s="536"/>
      <c r="J135" s="536"/>
      <c r="K135" s="536"/>
      <c r="L135" s="537"/>
      <c r="M135" s="204" t="s">
        <v>80</v>
      </c>
      <c r="N135" s="204"/>
      <c r="O135" s="204"/>
      <c r="P135" s="204"/>
      <c r="Q135" s="204"/>
      <c r="R135" s="204"/>
      <c r="S135" s="204"/>
      <c r="T135" s="212" t="s">
        <v>80</v>
      </c>
      <c r="U135" s="212"/>
      <c r="V135" s="212"/>
      <c r="W135" s="212"/>
      <c r="X135" s="212"/>
      <c r="Y135" s="212"/>
      <c r="Z135" s="212"/>
      <c r="AA135" s="132" t="s">
        <v>80</v>
      </c>
      <c r="AB135" s="132"/>
      <c r="AC135" s="132"/>
      <c r="AD135" s="132"/>
      <c r="AE135" s="132"/>
      <c r="AF135" s="132"/>
      <c r="AG135" s="133"/>
    </row>
    <row r="136" spans="1:38" s="2" customFormat="1" ht="13.5" customHeight="1">
      <c r="A136" s="528"/>
      <c r="B136" s="529"/>
      <c r="C136" s="529"/>
      <c r="D136" s="530"/>
      <c r="E136" s="535" t="s">
        <v>39</v>
      </c>
      <c r="F136" s="536"/>
      <c r="G136" s="536"/>
      <c r="H136" s="536"/>
      <c r="I136" s="536"/>
      <c r="J136" s="536"/>
      <c r="K136" s="536"/>
      <c r="L136" s="537"/>
      <c r="M136" s="204" t="s">
        <v>80</v>
      </c>
      <c r="N136" s="204"/>
      <c r="O136" s="204"/>
      <c r="P136" s="204"/>
      <c r="Q136" s="204"/>
      <c r="R136" s="204"/>
      <c r="S136" s="204"/>
      <c r="T136" s="212" t="s">
        <v>80</v>
      </c>
      <c r="U136" s="212"/>
      <c r="V136" s="212"/>
      <c r="W136" s="212"/>
      <c r="X136" s="212"/>
      <c r="Y136" s="212"/>
      <c r="Z136" s="212"/>
      <c r="AA136" s="132" t="s">
        <v>80</v>
      </c>
      <c r="AB136" s="132"/>
      <c r="AC136" s="132"/>
      <c r="AD136" s="132"/>
      <c r="AE136" s="132"/>
      <c r="AF136" s="132"/>
      <c r="AG136" s="133"/>
    </row>
    <row r="137" spans="1:38" s="2" customFormat="1" ht="13.5" customHeight="1">
      <c r="A137" s="531"/>
      <c r="B137" s="532"/>
      <c r="C137" s="532"/>
      <c r="D137" s="533"/>
      <c r="E137" s="538" t="s">
        <v>40</v>
      </c>
      <c r="F137" s="539"/>
      <c r="G137" s="539"/>
      <c r="H137" s="539"/>
      <c r="I137" s="539"/>
      <c r="J137" s="539"/>
      <c r="K137" s="539"/>
      <c r="L137" s="540"/>
      <c r="M137" s="567" t="s">
        <v>80</v>
      </c>
      <c r="N137" s="567"/>
      <c r="O137" s="567"/>
      <c r="P137" s="567"/>
      <c r="Q137" s="567"/>
      <c r="R137" s="567"/>
      <c r="S137" s="567"/>
      <c r="T137" s="214" t="s">
        <v>80</v>
      </c>
      <c r="U137" s="214"/>
      <c r="V137" s="214"/>
      <c r="W137" s="214"/>
      <c r="X137" s="214"/>
      <c r="Y137" s="214"/>
      <c r="Z137" s="214"/>
      <c r="AA137" s="134" t="s">
        <v>80</v>
      </c>
      <c r="AB137" s="134"/>
      <c r="AC137" s="134"/>
      <c r="AD137" s="134"/>
      <c r="AE137" s="134"/>
      <c r="AF137" s="134"/>
      <c r="AG137" s="135"/>
    </row>
    <row r="138" spans="1:38" s="2" customFormat="1" ht="13.5" customHeight="1">
      <c r="A138" s="541" t="s">
        <v>145</v>
      </c>
      <c r="B138" s="542"/>
      <c r="C138" s="542"/>
      <c r="D138" s="543"/>
      <c r="E138" s="563" t="s">
        <v>146</v>
      </c>
      <c r="F138" s="564"/>
      <c r="G138" s="564"/>
      <c r="H138" s="564"/>
      <c r="I138" s="564"/>
      <c r="J138" s="564"/>
      <c r="K138" s="564"/>
      <c r="L138" s="565"/>
      <c r="M138" s="141" t="s">
        <v>80</v>
      </c>
      <c r="N138" s="141"/>
      <c r="O138" s="141"/>
      <c r="P138" s="141"/>
      <c r="Q138" s="141"/>
      <c r="R138" s="141"/>
      <c r="S138" s="141"/>
      <c r="T138" s="141" t="s">
        <v>80</v>
      </c>
      <c r="U138" s="141"/>
      <c r="V138" s="141"/>
      <c r="W138" s="141"/>
      <c r="X138" s="141"/>
      <c r="Y138" s="141"/>
      <c r="Z138" s="141"/>
      <c r="AA138" s="130" t="s">
        <v>80</v>
      </c>
      <c r="AB138" s="130"/>
      <c r="AC138" s="130"/>
      <c r="AD138" s="130"/>
      <c r="AE138" s="130"/>
      <c r="AF138" s="130"/>
      <c r="AG138" s="131"/>
    </row>
    <row r="139" spans="1:38" s="2" customFormat="1" ht="13.5" customHeight="1">
      <c r="A139" s="544"/>
      <c r="B139" s="545"/>
      <c r="C139" s="545"/>
      <c r="D139" s="546"/>
      <c r="E139" s="535" t="s">
        <v>41</v>
      </c>
      <c r="F139" s="536"/>
      <c r="G139" s="536"/>
      <c r="H139" s="536"/>
      <c r="I139" s="536"/>
      <c r="J139" s="536"/>
      <c r="K139" s="536"/>
      <c r="L139" s="537"/>
      <c r="M139" s="550">
        <v>2</v>
      </c>
      <c r="N139" s="550"/>
      <c r="O139" s="550"/>
      <c r="P139" s="550"/>
      <c r="Q139" s="550"/>
      <c r="R139" s="550"/>
      <c r="S139" s="550"/>
      <c r="T139" s="212">
        <v>2</v>
      </c>
      <c r="U139" s="212"/>
      <c r="V139" s="212"/>
      <c r="W139" s="212"/>
      <c r="X139" s="212"/>
      <c r="Y139" s="212"/>
      <c r="Z139" s="212"/>
      <c r="AA139" s="132" t="s">
        <v>80</v>
      </c>
      <c r="AB139" s="132"/>
      <c r="AC139" s="132"/>
      <c r="AD139" s="132"/>
      <c r="AE139" s="132"/>
      <c r="AF139" s="132"/>
      <c r="AG139" s="133"/>
    </row>
    <row r="140" spans="1:38" s="2" customFormat="1" ht="13.5" customHeight="1">
      <c r="A140" s="544"/>
      <c r="B140" s="545"/>
      <c r="C140" s="545"/>
      <c r="D140" s="546"/>
      <c r="E140" s="535" t="s">
        <v>42</v>
      </c>
      <c r="F140" s="536"/>
      <c r="G140" s="536"/>
      <c r="H140" s="536"/>
      <c r="I140" s="536"/>
      <c r="J140" s="536"/>
      <c r="K140" s="536"/>
      <c r="L140" s="537"/>
      <c r="M140" s="212" t="s">
        <v>80</v>
      </c>
      <c r="N140" s="212"/>
      <c r="O140" s="212"/>
      <c r="P140" s="212"/>
      <c r="Q140" s="212"/>
      <c r="R140" s="212"/>
      <c r="S140" s="212"/>
      <c r="T140" s="212" t="s">
        <v>80</v>
      </c>
      <c r="U140" s="212"/>
      <c r="V140" s="212"/>
      <c r="W140" s="212"/>
      <c r="X140" s="212"/>
      <c r="Y140" s="212"/>
      <c r="Z140" s="212"/>
      <c r="AA140" s="132" t="s">
        <v>80</v>
      </c>
      <c r="AB140" s="132"/>
      <c r="AC140" s="132"/>
      <c r="AD140" s="132"/>
      <c r="AE140" s="132"/>
      <c r="AF140" s="132"/>
      <c r="AG140" s="133"/>
    </row>
    <row r="141" spans="1:38" s="2" customFormat="1" ht="13.5" customHeight="1">
      <c r="A141" s="547"/>
      <c r="B141" s="548"/>
      <c r="C141" s="548"/>
      <c r="D141" s="549"/>
      <c r="E141" s="538" t="s">
        <v>43</v>
      </c>
      <c r="F141" s="539"/>
      <c r="G141" s="539"/>
      <c r="H141" s="539"/>
      <c r="I141" s="539"/>
      <c r="J141" s="539"/>
      <c r="K141" s="539"/>
      <c r="L141" s="540"/>
      <c r="M141" s="213" t="s">
        <v>80</v>
      </c>
      <c r="N141" s="213"/>
      <c r="O141" s="213"/>
      <c r="P141" s="213"/>
      <c r="Q141" s="213"/>
      <c r="R141" s="213"/>
      <c r="S141" s="213"/>
      <c r="T141" s="214" t="s">
        <v>80</v>
      </c>
      <c r="U141" s="214"/>
      <c r="V141" s="214"/>
      <c r="W141" s="214"/>
      <c r="X141" s="214"/>
      <c r="Y141" s="214"/>
      <c r="Z141" s="214"/>
      <c r="AA141" s="134">
        <v>2</v>
      </c>
      <c r="AB141" s="134"/>
      <c r="AC141" s="134"/>
      <c r="AD141" s="134"/>
      <c r="AE141" s="134"/>
      <c r="AF141" s="134"/>
      <c r="AG141" s="135"/>
    </row>
    <row r="142" spans="1:38" s="2" customFormat="1" ht="13.5" customHeight="1">
      <c r="A142" s="525" t="s">
        <v>147</v>
      </c>
      <c r="B142" s="526"/>
      <c r="C142" s="526"/>
      <c r="D142" s="527"/>
      <c r="E142" s="554" t="s">
        <v>44</v>
      </c>
      <c r="F142" s="555"/>
      <c r="G142" s="555"/>
      <c r="H142" s="555"/>
      <c r="I142" s="555"/>
      <c r="J142" s="555"/>
      <c r="K142" s="555"/>
      <c r="L142" s="556"/>
      <c r="M142" s="211" t="s">
        <v>80</v>
      </c>
      <c r="N142" s="211"/>
      <c r="O142" s="211"/>
      <c r="P142" s="211"/>
      <c r="Q142" s="211"/>
      <c r="R142" s="211"/>
      <c r="S142" s="211"/>
      <c r="T142" s="141" t="s">
        <v>80</v>
      </c>
      <c r="U142" s="141"/>
      <c r="V142" s="141"/>
      <c r="W142" s="141"/>
      <c r="X142" s="141"/>
      <c r="Y142" s="141"/>
      <c r="Z142" s="141"/>
      <c r="AA142" s="130" t="s">
        <v>80</v>
      </c>
      <c r="AB142" s="130"/>
      <c r="AC142" s="130"/>
      <c r="AD142" s="130"/>
      <c r="AE142" s="130"/>
      <c r="AF142" s="130"/>
      <c r="AG142" s="131"/>
    </row>
    <row r="143" spans="1:38" s="2" customFormat="1" ht="13.5" customHeight="1">
      <c r="A143" s="528"/>
      <c r="B143" s="529"/>
      <c r="C143" s="529"/>
      <c r="D143" s="530"/>
      <c r="E143" s="494" t="s">
        <v>45</v>
      </c>
      <c r="F143" s="495"/>
      <c r="G143" s="495"/>
      <c r="H143" s="495"/>
      <c r="I143" s="495"/>
      <c r="J143" s="495"/>
      <c r="K143" s="495"/>
      <c r="L143" s="496"/>
      <c r="M143" s="204" t="s">
        <v>80</v>
      </c>
      <c r="N143" s="204"/>
      <c r="O143" s="204"/>
      <c r="P143" s="204"/>
      <c r="Q143" s="204"/>
      <c r="R143" s="204"/>
      <c r="S143" s="204"/>
      <c r="T143" s="212" t="s">
        <v>80</v>
      </c>
      <c r="U143" s="212"/>
      <c r="V143" s="212"/>
      <c r="W143" s="212"/>
      <c r="X143" s="212"/>
      <c r="Y143" s="212"/>
      <c r="Z143" s="212"/>
      <c r="AA143" s="132" t="s">
        <v>80</v>
      </c>
      <c r="AB143" s="132"/>
      <c r="AC143" s="132"/>
      <c r="AD143" s="132"/>
      <c r="AE143" s="132"/>
      <c r="AF143" s="132"/>
      <c r="AG143" s="133"/>
    </row>
    <row r="144" spans="1:38" s="2" customFormat="1" ht="13.5" customHeight="1">
      <c r="A144" s="528"/>
      <c r="B144" s="529"/>
      <c r="C144" s="529"/>
      <c r="D144" s="530"/>
      <c r="E144" s="494" t="s">
        <v>46</v>
      </c>
      <c r="F144" s="495"/>
      <c r="G144" s="495"/>
      <c r="H144" s="495"/>
      <c r="I144" s="495"/>
      <c r="J144" s="495"/>
      <c r="K144" s="495"/>
      <c r="L144" s="496"/>
      <c r="M144" s="204" t="s">
        <v>80</v>
      </c>
      <c r="N144" s="204"/>
      <c r="O144" s="204"/>
      <c r="P144" s="204"/>
      <c r="Q144" s="204"/>
      <c r="R144" s="204"/>
      <c r="S144" s="204"/>
      <c r="T144" s="212" t="s">
        <v>80</v>
      </c>
      <c r="U144" s="212"/>
      <c r="V144" s="212"/>
      <c r="W144" s="212"/>
      <c r="X144" s="212"/>
      <c r="Y144" s="212"/>
      <c r="Z144" s="212"/>
      <c r="AA144" s="132" t="s">
        <v>80</v>
      </c>
      <c r="AB144" s="132"/>
      <c r="AC144" s="132"/>
      <c r="AD144" s="132"/>
      <c r="AE144" s="132"/>
      <c r="AF144" s="132"/>
      <c r="AG144" s="133"/>
    </row>
    <row r="145" spans="1:36" s="2" customFormat="1" ht="13.5" customHeight="1">
      <c r="A145" s="528"/>
      <c r="B145" s="529"/>
      <c r="C145" s="529"/>
      <c r="D145" s="530"/>
      <c r="E145" s="494" t="s">
        <v>47</v>
      </c>
      <c r="F145" s="495"/>
      <c r="G145" s="495"/>
      <c r="H145" s="495"/>
      <c r="I145" s="495"/>
      <c r="J145" s="495"/>
      <c r="K145" s="495"/>
      <c r="L145" s="496"/>
      <c r="M145" s="204" t="s">
        <v>80</v>
      </c>
      <c r="N145" s="204"/>
      <c r="O145" s="204"/>
      <c r="P145" s="204"/>
      <c r="Q145" s="204"/>
      <c r="R145" s="204"/>
      <c r="S145" s="204"/>
      <c r="T145" s="212" t="s">
        <v>80</v>
      </c>
      <c r="U145" s="212"/>
      <c r="V145" s="212"/>
      <c r="W145" s="212"/>
      <c r="X145" s="212"/>
      <c r="Y145" s="212"/>
      <c r="Z145" s="212"/>
      <c r="AA145" s="132" t="s">
        <v>80</v>
      </c>
      <c r="AB145" s="132"/>
      <c r="AC145" s="132"/>
      <c r="AD145" s="132"/>
      <c r="AE145" s="132"/>
      <c r="AF145" s="132"/>
      <c r="AG145" s="133"/>
    </row>
    <row r="146" spans="1:36" s="2" customFormat="1" ht="13.5" customHeight="1">
      <c r="A146" s="528"/>
      <c r="B146" s="529"/>
      <c r="C146" s="529"/>
      <c r="D146" s="530"/>
      <c r="E146" s="551" t="s">
        <v>148</v>
      </c>
      <c r="F146" s="552"/>
      <c r="G146" s="552"/>
      <c r="H146" s="552"/>
      <c r="I146" s="552"/>
      <c r="J146" s="552"/>
      <c r="K146" s="552"/>
      <c r="L146" s="553"/>
      <c r="M146" s="204" t="s">
        <v>80</v>
      </c>
      <c r="N146" s="204"/>
      <c r="O146" s="204"/>
      <c r="P146" s="204"/>
      <c r="Q146" s="204"/>
      <c r="R146" s="204"/>
      <c r="S146" s="204"/>
      <c r="T146" s="212" t="s">
        <v>80</v>
      </c>
      <c r="U146" s="212"/>
      <c r="V146" s="212"/>
      <c r="W146" s="212"/>
      <c r="X146" s="212"/>
      <c r="Y146" s="212"/>
      <c r="Z146" s="212"/>
      <c r="AA146" s="132" t="s">
        <v>80</v>
      </c>
      <c r="AB146" s="132"/>
      <c r="AC146" s="132"/>
      <c r="AD146" s="132"/>
      <c r="AE146" s="132"/>
      <c r="AF146" s="132"/>
      <c r="AG146" s="133"/>
    </row>
    <row r="147" spans="1:36" s="2" customFormat="1" ht="13.5" customHeight="1">
      <c r="A147" s="528"/>
      <c r="B147" s="529"/>
      <c r="C147" s="529"/>
      <c r="D147" s="530"/>
      <c r="E147" s="494" t="s">
        <v>149</v>
      </c>
      <c r="F147" s="495"/>
      <c r="G147" s="495"/>
      <c r="H147" s="495"/>
      <c r="I147" s="495"/>
      <c r="J147" s="495"/>
      <c r="K147" s="495"/>
      <c r="L147" s="496"/>
      <c r="M147" s="204" t="s">
        <v>80</v>
      </c>
      <c r="N147" s="204"/>
      <c r="O147" s="204"/>
      <c r="P147" s="204"/>
      <c r="Q147" s="204"/>
      <c r="R147" s="204"/>
      <c r="S147" s="204"/>
      <c r="T147" s="212">
        <v>1</v>
      </c>
      <c r="U147" s="212"/>
      <c r="V147" s="212"/>
      <c r="W147" s="212"/>
      <c r="X147" s="212"/>
      <c r="Y147" s="212"/>
      <c r="Z147" s="212"/>
      <c r="AA147" s="132" t="s">
        <v>80</v>
      </c>
      <c r="AB147" s="132"/>
      <c r="AC147" s="132"/>
      <c r="AD147" s="132"/>
      <c r="AE147" s="132"/>
      <c r="AF147" s="132"/>
      <c r="AG147" s="133"/>
    </row>
    <row r="148" spans="1:36" s="2" customFormat="1" ht="13.5" customHeight="1">
      <c r="A148" s="560"/>
      <c r="B148" s="561"/>
      <c r="C148" s="561"/>
      <c r="D148" s="562"/>
      <c r="E148" s="489" t="s">
        <v>22</v>
      </c>
      <c r="F148" s="490"/>
      <c r="G148" s="490"/>
      <c r="H148" s="490"/>
      <c r="I148" s="490"/>
      <c r="J148" s="490"/>
      <c r="K148" s="490"/>
      <c r="L148" s="491"/>
      <c r="M148" s="488">
        <v>2</v>
      </c>
      <c r="N148" s="488"/>
      <c r="O148" s="488"/>
      <c r="P148" s="488"/>
      <c r="Q148" s="488"/>
      <c r="R148" s="488"/>
      <c r="S148" s="488"/>
      <c r="T148" s="497">
        <v>1</v>
      </c>
      <c r="U148" s="497"/>
      <c r="V148" s="497"/>
      <c r="W148" s="497"/>
      <c r="X148" s="497"/>
      <c r="Y148" s="497"/>
      <c r="Z148" s="497"/>
      <c r="AA148" s="503">
        <v>2</v>
      </c>
      <c r="AB148" s="503"/>
      <c r="AC148" s="503"/>
      <c r="AD148" s="503"/>
      <c r="AE148" s="503"/>
      <c r="AF148" s="503"/>
      <c r="AG148" s="504"/>
    </row>
    <row r="149" spans="1:36" s="2" customFormat="1" ht="13.5" customHeight="1">
      <c r="A149" s="27"/>
      <c r="B149" s="27"/>
      <c r="C149" s="27"/>
      <c r="D149" s="27"/>
      <c r="E149" s="27"/>
      <c r="G149" s="27"/>
      <c r="H149" s="27"/>
      <c r="I149" s="27"/>
      <c r="J149" s="13"/>
      <c r="K149" s="13"/>
      <c r="L149" s="13"/>
      <c r="M149" s="13"/>
      <c r="N149" s="13"/>
      <c r="O149" s="13"/>
      <c r="P149" s="13"/>
      <c r="Q149" s="13"/>
      <c r="R149" s="13"/>
      <c r="X149" s="13"/>
      <c r="Y149" s="13"/>
      <c r="Z149" s="13"/>
      <c r="AA149" s="8"/>
      <c r="AB149" s="8"/>
      <c r="AC149" s="8"/>
      <c r="AD149" s="8"/>
      <c r="AE149" s="8"/>
      <c r="AF149" s="8"/>
      <c r="AG149" s="11" t="s">
        <v>180</v>
      </c>
    </row>
    <row r="150" spans="1:36" s="2" customFormat="1" ht="13.5" customHeight="1">
      <c r="A150" s="28"/>
      <c r="B150" s="28"/>
      <c r="C150" s="28"/>
      <c r="D150" s="28"/>
      <c r="E150" s="28"/>
      <c r="F150" s="28"/>
      <c r="G150" s="28"/>
      <c r="H150" s="28"/>
      <c r="I150" s="28"/>
      <c r="J150" s="28"/>
      <c r="K150" s="28"/>
      <c r="L150" s="28"/>
      <c r="M150" s="28"/>
      <c r="N150" s="28"/>
      <c r="O150" s="28"/>
      <c r="P150" s="28"/>
      <c r="Q150" s="28"/>
      <c r="R150" s="28"/>
      <c r="S150" s="28"/>
      <c r="T150" s="28"/>
      <c r="U150" s="28"/>
      <c r="V150" s="28"/>
      <c r="W150" s="28"/>
      <c r="X150" s="28"/>
      <c r="Y150" s="28"/>
      <c r="Z150" s="28"/>
      <c r="AA150" s="8"/>
      <c r="AB150" s="8"/>
      <c r="AC150" s="8"/>
      <c r="AD150" s="8"/>
      <c r="AE150" s="8"/>
      <c r="AF150" s="8"/>
      <c r="AG150" s="8"/>
    </row>
    <row r="151" spans="1:36" s="2" customFormat="1" ht="13.5" customHeight="1">
      <c r="A151" s="12" t="s">
        <v>78</v>
      </c>
      <c r="AA151" s="13"/>
      <c r="AB151" s="13"/>
      <c r="AC151" s="13"/>
      <c r="AD151" s="5"/>
      <c r="AE151" s="5"/>
      <c r="AF151" s="5"/>
      <c r="AG151" s="21" t="s">
        <v>6</v>
      </c>
    </row>
    <row r="152" spans="1:36" s="2" customFormat="1" ht="19.5" customHeight="1">
      <c r="A152" s="288" t="s">
        <v>16</v>
      </c>
      <c r="B152" s="289"/>
      <c r="C152" s="289"/>
      <c r="D152" s="289"/>
      <c r="E152" s="290"/>
      <c r="F152" s="426" t="s">
        <v>48</v>
      </c>
      <c r="G152" s="427"/>
      <c r="H152" s="427"/>
      <c r="I152" s="427"/>
      <c r="J152" s="427"/>
      <c r="K152" s="427"/>
      <c r="L152" s="427"/>
      <c r="M152" s="427"/>
      <c r="N152" s="427"/>
      <c r="O152" s="427"/>
      <c r="P152" s="427"/>
      <c r="Q152" s="427"/>
      <c r="R152" s="427"/>
      <c r="S152" s="428"/>
      <c r="T152" s="426" t="s">
        <v>49</v>
      </c>
      <c r="U152" s="427"/>
      <c r="V152" s="427"/>
      <c r="W152" s="427"/>
      <c r="X152" s="427"/>
      <c r="Y152" s="427"/>
      <c r="Z152" s="427"/>
      <c r="AA152" s="427"/>
      <c r="AB152" s="427"/>
      <c r="AC152" s="427"/>
      <c r="AD152" s="427"/>
      <c r="AE152" s="427"/>
      <c r="AF152" s="427"/>
      <c r="AG152" s="505"/>
    </row>
    <row r="153" spans="1:36" s="2" customFormat="1" ht="13.5" customHeight="1">
      <c r="A153" s="507" t="s">
        <v>23</v>
      </c>
      <c r="B153" s="508"/>
      <c r="C153" s="508"/>
      <c r="D153" s="508"/>
      <c r="E153" s="509"/>
      <c r="F153" s="500" t="s">
        <v>50</v>
      </c>
      <c r="G153" s="501"/>
      <c r="H153" s="501"/>
      <c r="I153" s="501"/>
      <c r="J153" s="501"/>
      <c r="K153" s="501"/>
      <c r="L153" s="506"/>
      <c r="M153" s="500" t="s">
        <v>150</v>
      </c>
      <c r="N153" s="501"/>
      <c r="O153" s="501"/>
      <c r="P153" s="501"/>
      <c r="Q153" s="501"/>
      <c r="R153" s="501"/>
      <c r="S153" s="506"/>
      <c r="T153" s="500" t="s">
        <v>50</v>
      </c>
      <c r="U153" s="501"/>
      <c r="V153" s="501"/>
      <c r="W153" s="501"/>
      <c r="X153" s="501"/>
      <c r="Y153" s="501"/>
      <c r="Z153" s="506"/>
      <c r="AA153" s="500" t="s">
        <v>150</v>
      </c>
      <c r="AB153" s="501"/>
      <c r="AC153" s="501"/>
      <c r="AD153" s="501"/>
      <c r="AE153" s="501"/>
      <c r="AF153" s="501"/>
      <c r="AG153" s="502"/>
    </row>
    <row r="154" spans="1:36" s="2" customFormat="1" ht="15.75" customHeight="1">
      <c r="A154" s="282">
        <v>4</v>
      </c>
      <c r="B154" s="283"/>
      <c r="C154" s="283"/>
      <c r="D154" s="283"/>
      <c r="E154" s="284"/>
      <c r="F154" s="471">
        <v>17</v>
      </c>
      <c r="G154" s="314"/>
      <c r="H154" s="314"/>
      <c r="I154" s="314"/>
      <c r="J154" s="314"/>
      <c r="K154" s="314"/>
      <c r="L154" s="314"/>
      <c r="M154" s="314">
        <v>241</v>
      </c>
      <c r="N154" s="314"/>
      <c r="O154" s="314"/>
      <c r="P154" s="314"/>
      <c r="Q154" s="314"/>
      <c r="R154" s="314"/>
      <c r="S154" s="314"/>
      <c r="T154" s="314">
        <v>13</v>
      </c>
      <c r="U154" s="314"/>
      <c r="V154" s="314"/>
      <c r="W154" s="314"/>
      <c r="X154" s="314"/>
      <c r="Y154" s="314"/>
      <c r="Z154" s="314"/>
      <c r="AA154" s="314">
        <v>125</v>
      </c>
      <c r="AB154" s="314"/>
      <c r="AC154" s="314"/>
      <c r="AD154" s="314"/>
      <c r="AE154" s="314"/>
      <c r="AF154" s="314"/>
      <c r="AG154" s="315"/>
    </row>
    <row r="155" spans="1:36" s="2" customFormat="1" ht="15.75" customHeight="1">
      <c r="A155" s="294">
        <v>5</v>
      </c>
      <c r="B155" s="295"/>
      <c r="C155" s="295"/>
      <c r="D155" s="295"/>
      <c r="E155" s="296"/>
      <c r="F155" s="498">
        <v>28</v>
      </c>
      <c r="G155" s="316"/>
      <c r="H155" s="316"/>
      <c r="I155" s="316"/>
      <c r="J155" s="316"/>
      <c r="K155" s="316"/>
      <c r="L155" s="316"/>
      <c r="M155" s="316">
        <v>395</v>
      </c>
      <c r="N155" s="316"/>
      <c r="O155" s="316"/>
      <c r="P155" s="316"/>
      <c r="Q155" s="316"/>
      <c r="R155" s="316"/>
      <c r="S155" s="316"/>
      <c r="T155" s="316">
        <v>28</v>
      </c>
      <c r="U155" s="316"/>
      <c r="V155" s="316"/>
      <c r="W155" s="316"/>
      <c r="X155" s="316"/>
      <c r="Y155" s="316"/>
      <c r="Z155" s="316"/>
      <c r="AA155" s="316">
        <v>180</v>
      </c>
      <c r="AB155" s="316"/>
      <c r="AC155" s="316"/>
      <c r="AD155" s="316"/>
      <c r="AE155" s="316"/>
      <c r="AF155" s="316"/>
      <c r="AG155" s="317"/>
    </row>
    <row r="156" spans="1:36" s="28" customFormat="1" ht="15.75" customHeight="1">
      <c r="A156" s="299">
        <v>6</v>
      </c>
      <c r="B156" s="300"/>
      <c r="C156" s="300"/>
      <c r="D156" s="300"/>
      <c r="E156" s="301"/>
      <c r="F156" s="238">
        <v>27</v>
      </c>
      <c r="G156" s="239"/>
      <c r="H156" s="239"/>
      <c r="I156" s="239"/>
      <c r="J156" s="239"/>
      <c r="K156" s="239"/>
      <c r="L156" s="239"/>
      <c r="M156" s="239">
        <v>561</v>
      </c>
      <c r="N156" s="239"/>
      <c r="O156" s="239"/>
      <c r="P156" s="239"/>
      <c r="Q156" s="239"/>
      <c r="R156" s="239"/>
      <c r="S156" s="239"/>
      <c r="T156" s="239">
        <v>24</v>
      </c>
      <c r="U156" s="239"/>
      <c r="V156" s="239"/>
      <c r="W156" s="239"/>
      <c r="X156" s="239"/>
      <c r="Y156" s="239"/>
      <c r="Z156" s="239"/>
      <c r="AA156" s="239">
        <v>249</v>
      </c>
      <c r="AB156" s="239"/>
      <c r="AC156" s="239"/>
      <c r="AD156" s="239"/>
      <c r="AE156" s="239"/>
      <c r="AF156" s="239"/>
      <c r="AG156" s="242"/>
    </row>
    <row r="157" spans="1:36" s="2" customFormat="1" ht="13.5" customHeight="1">
      <c r="A157" s="499"/>
      <c r="B157" s="499"/>
      <c r="C157" s="499"/>
      <c r="D157" s="499"/>
      <c r="E157" s="499"/>
      <c r="F157" s="499"/>
      <c r="G157" s="499"/>
      <c r="H157" s="499"/>
      <c r="I157" s="499"/>
      <c r="J157" s="499"/>
      <c r="K157" s="499"/>
      <c r="L157" s="499"/>
      <c r="M157" s="499"/>
      <c r="N157" s="499"/>
      <c r="O157" s="499"/>
      <c r="P157" s="499"/>
      <c r="Q157" s="499"/>
      <c r="R157" s="499"/>
      <c r="S157" s="499"/>
      <c r="T157" s="499"/>
      <c r="U157" s="499"/>
      <c r="V157" s="499"/>
      <c r="AA157" s="11"/>
      <c r="AB157" s="11"/>
      <c r="AC157" s="11"/>
      <c r="AD157" s="11"/>
      <c r="AE157" s="11"/>
      <c r="AF157" s="11"/>
      <c r="AG157" s="11" t="s">
        <v>180</v>
      </c>
    </row>
    <row r="158" spans="1:36" s="2" customFormat="1" ht="13.5" customHeight="1">
      <c r="I158" s="11"/>
      <c r="J158" s="11"/>
      <c r="N158" s="11"/>
      <c r="O158" s="11"/>
      <c r="P158" s="11"/>
      <c r="Q158" s="11"/>
      <c r="T158" s="8"/>
      <c r="AI158" s="56"/>
      <c r="AJ158" s="57"/>
    </row>
    <row r="159" spans="1:36" s="2" customFormat="1" ht="13.5" customHeight="1">
      <c r="A159" s="12" t="s">
        <v>89</v>
      </c>
      <c r="AA159" s="13"/>
      <c r="AB159" s="13"/>
      <c r="AC159" s="13"/>
      <c r="AD159" s="13"/>
      <c r="AE159" s="13"/>
      <c r="AF159" s="13"/>
      <c r="AG159" s="6" t="s">
        <v>7</v>
      </c>
    </row>
    <row r="160" spans="1:36" s="2" customFormat="1" ht="19.5" customHeight="1">
      <c r="A160" s="288" t="s">
        <v>16</v>
      </c>
      <c r="B160" s="289"/>
      <c r="C160" s="289"/>
      <c r="D160" s="289"/>
      <c r="E160" s="290"/>
      <c r="F160" s="243" t="s">
        <v>51</v>
      </c>
      <c r="G160" s="244"/>
      <c r="H160" s="244"/>
      <c r="I160" s="244"/>
      <c r="J160" s="244"/>
      <c r="K160" s="244"/>
      <c r="L160" s="245"/>
      <c r="M160" s="243" t="s">
        <v>52</v>
      </c>
      <c r="N160" s="244"/>
      <c r="O160" s="244"/>
      <c r="P160" s="244"/>
      <c r="Q160" s="244"/>
      <c r="R160" s="244"/>
      <c r="S160" s="245"/>
      <c r="T160" s="243" t="s">
        <v>53</v>
      </c>
      <c r="U160" s="244"/>
      <c r="V160" s="244"/>
      <c r="W160" s="244"/>
      <c r="X160" s="244"/>
      <c r="Y160" s="244"/>
      <c r="Z160" s="245"/>
      <c r="AA160" s="243" t="s">
        <v>54</v>
      </c>
      <c r="AB160" s="244"/>
      <c r="AC160" s="244"/>
      <c r="AD160" s="244"/>
      <c r="AE160" s="244"/>
      <c r="AF160" s="244"/>
      <c r="AG160" s="378"/>
    </row>
    <row r="161" spans="1:38" s="2" customFormat="1" ht="13.5" customHeight="1">
      <c r="A161" s="507" t="s">
        <v>23</v>
      </c>
      <c r="B161" s="508"/>
      <c r="C161" s="508"/>
      <c r="D161" s="508"/>
      <c r="E161" s="509"/>
      <c r="F161" s="246"/>
      <c r="G161" s="247"/>
      <c r="H161" s="247"/>
      <c r="I161" s="247"/>
      <c r="J161" s="247"/>
      <c r="K161" s="247"/>
      <c r="L161" s="248"/>
      <c r="M161" s="246"/>
      <c r="N161" s="247"/>
      <c r="O161" s="247"/>
      <c r="P161" s="247"/>
      <c r="Q161" s="247"/>
      <c r="R161" s="247"/>
      <c r="S161" s="248"/>
      <c r="T161" s="246"/>
      <c r="U161" s="247"/>
      <c r="V161" s="247"/>
      <c r="W161" s="247"/>
      <c r="X161" s="247"/>
      <c r="Y161" s="247"/>
      <c r="Z161" s="248"/>
      <c r="AA161" s="246"/>
      <c r="AB161" s="247"/>
      <c r="AC161" s="247"/>
      <c r="AD161" s="247"/>
      <c r="AE161" s="247"/>
      <c r="AF161" s="247"/>
      <c r="AG161" s="379"/>
    </row>
    <row r="162" spans="1:38" s="2" customFormat="1" ht="16.5" customHeight="1">
      <c r="A162" s="282">
        <v>4</v>
      </c>
      <c r="B162" s="283"/>
      <c r="C162" s="283"/>
      <c r="D162" s="283"/>
      <c r="E162" s="284"/>
      <c r="F162" s="297">
        <v>35</v>
      </c>
      <c r="G162" s="272"/>
      <c r="H162" s="272"/>
      <c r="I162" s="272"/>
      <c r="J162" s="272"/>
      <c r="K162" s="272"/>
      <c r="L162" s="272"/>
      <c r="M162" s="272">
        <v>1730</v>
      </c>
      <c r="N162" s="272"/>
      <c r="O162" s="272"/>
      <c r="P162" s="272"/>
      <c r="Q162" s="272"/>
      <c r="R162" s="272"/>
      <c r="S162" s="272"/>
      <c r="T162" s="272">
        <v>1531</v>
      </c>
      <c r="U162" s="272"/>
      <c r="V162" s="272"/>
      <c r="W162" s="272"/>
      <c r="X162" s="272"/>
      <c r="Y162" s="272"/>
      <c r="Z162" s="272"/>
      <c r="AA162" s="272">
        <v>199</v>
      </c>
      <c r="AB162" s="272"/>
      <c r="AC162" s="272"/>
      <c r="AD162" s="272"/>
      <c r="AE162" s="272"/>
      <c r="AF162" s="272"/>
      <c r="AG162" s="302"/>
    </row>
    <row r="163" spans="1:38" s="2" customFormat="1" ht="16.5" customHeight="1">
      <c r="A163" s="294">
        <v>5</v>
      </c>
      <c r="B163" s="295"/>
      <c r="C163" s="295"/>
      <c r="D163" s="295"/>
      <c r="E163" s="296"/>
      <c r="F163" s="476">
        <v>31</v>
      </c>
      <c r="G163" s="148"/>
      <c r="H163" s="148"/>
      <c r="I163" s="148"/>
      <c r="J163" s="148"/>
      <c r="K163" s="148"/>
      <c r="L163" s="148"/>
      <c r="M163" s="148">
        <v>1307</v>
      </c>
      <c r="N163" s="148"/>
      <c r="O163" s="148"/>
      <c r="P163" s="148"/>
      <c r="Q163" s="148"/>
      <c r="R163" s="148"/>
      <c r="S163" s="148"/>
      <c r="T163" s="148">
        <v>1224</v>
      </c>
      <c r="U163" s="148"/>
      <c r="V163" s="148"/>
      <c r="W163" s="148"/>
      <c r="X163" s="148"/>
      <c r="Y163" s="148"/>
      <c r="Z163" s="148"/>
      <c r="AA163" s="148">
        <v>83</v>
      </c>
      <c r="AB163" s="148"/>
      <c r="AC163" s="148"/>
      <c r="AD163" s="148"/>
      <c r="AE163" s="148"/>
      <c r="AF163" s="148"/>
      <c r="AG163" s="218"/>
    </row>
    <row r="164" spans="1:38" s="2" customFormat="1" ht="16.5" customHeight="1">
      <c r="A164" s="299">
        <v>6</v>
      </c>
      <c r="B164" s="300"/>
      <c r="C164" s="300"/>
      <c r="D164" s="300"/>
      <c r="E164" s="301"/>
      <c r="F164" s="238">
        <v>30</v>
      </c>
      <c r="G164" s="239"/>
      <c r="H164" s="239"/>
      <c r="I164" s="239"/>
      <c r="J164" s="239"/>
      <c r="K164" s="239"/>
      <c r="L164" s="239"/>
      <c r="M164" s="239">
        <v>1314</v>
      </c>
      <c r="N164" s="239"/>
      <c r="O164" s="239"/>
      <c r="P164" s="239"/>
      <c r="Q164" s="239"/>
      <c r="R164" s="239"/>
      <c r="S164" s="239"/>
      <c r="T164" s="239">
        <v>1166</v>
      </c>
      <c r="U164" s="239"/>
      <c r="V164" s="239"/>
      <c r="W164" s="239"/>
      <c r="X164" s="239"/>
      <c r="Y164" s="239"/>
      <c r="Z164" s="239"/>
      <c r="AA164" s="239">
        <v>148</v>
      </c>
      <c r="AB164" s="239"/>
      <c r="AC164" s="239"/>
      <c r="AD164" s="239"/>
      <c r="AE164" s="239"/>
      <c r="AF164" s="239"/>
      <c r="AG164" s="242"/>
    </row>
    <row r="165" spans="1:38" s="2" customFormat="1" ht="12" customHeight="1">
      <c r="AA165" s="11"/>
      <c r="AB165" s="11"/>
      <c r="AC165" s="11"/>
      <c r="AD165" s="11"/>
      <c r="AE165" s="11"/>
      <c r="AF165" s="11"/>
      <c r="AG165" s="11" t="s">
        <v>180</v>
      </c>
    </row>
    <row r="166" spans="1:38" s="2" customFormat="1" ht="15.75" customHeight="1">
      <c r="AA166" s="11"/>
      <c r="AB166" s="11"/>
      <c r="AC166" s="11"/>
      <c r="AD166" s="11"/>
      <c r="AE166" s="11"/>
      <c r="AF166" s="11"/>
      <c r="AG166" s="8"/>
    </row>
    <row r="167" spans="1:38" s="2" customFormat="1" ht="19.5" customHeight="1">
      <c r="A167" s="12" t="s">
        <v>90</v>
      </c>
      <c r="AG167" s="6" t="s">
        <v>8</v>
      </c>
    </row>
    <row r="168" spans="1:38" s="2" customFormat="1" ht="19.5" customHeight="1">
      <c r="A168" s="288" t="s">
        <v>16</v>
      </c>
      <c r="B168" s="289"/>
      <c r="C168" s="289"/>
      <c r="D168" s="289"/>
      <c r="E168" s="290"/>
      <c r="F168" s="243" t="s">
        <v>55</v>
      </c>
      <c r="G168" s="244"/>
      <c r="H168" s="244"/>
      <c r="I168" s="244"/>
      <c r="J168" s="244"/>
      <c r="K168" s="244"/>
      <c r="L168" s="244"/>
      <c r="M168" s="244"/>
      <c r="N168" s="244"/>
      <c r="O168" s="244"/>
      <c r="P168" s="244"/>
      <c r="Q168" s="244"/>
      <c r="R168" s="244"/>
      <c r="S168" s="245"/>
      <c r="T168" s="232" t="s">
        <v>56</v>
      </c>
      <c r="U168" s="233"/>
      <c r="V168" s="233"/>
      <c r="W168" s="233"/>
      <c r="X168" s="233"/>
      <c r="Y168" s="233"/>
      <c r="Z168" s="233"/>
      <c r="AA168" s="233"/>
      <c r="AB168" s="233"/>
      <c r="AC168" s="233"/>
      <c r="AD168" s="233"/>
      <c r="AE168" s="233"/>
      <c r="AF168" s="233"/>
      <c r="AG168" s="234"/>
    </row>
    <row r="169" spans="1:38" s="54" customFormat="1" ht="14.25" customHeight="1">
      <c r="A169" s="285" t="s">
        <v>23</v>
      </c>
      <c r="B169" s="286"/>
      <c r="C169" s="286"/>
      <c r="D169" s="286"/>
      <c r="E169" s="287"/>
      <c r="F169" s="246"/>
      <c r="G169" s="247"/>
      <c r="H169" s="247"/>
      <c r="I169" s="247"/>
      <c r="J169" s="247"/>
      <c r="K169" s="247"/>
      <c r="L169" s="247"/>
      <c r="M169" s="247"/>
      <c r="N169" s="247"/>
      <c r="O169" s="247"/>
      <c r="P169" s="247"/>
      <c r="Q169" s="247"/>
      <c r="R169" s="247"/>
      <c r="S169" s="248"/>
      <c r="T169" s="235"/>
      <c r="U169" s="236"/>
      <c r="V169" s="236"/>
      <c r="W169" s="236"/>
      <c r="X169" s="236"/>
      <c r="Y169" s="236"/>
      <c r="Z169" s="236"/>
      <c r="AA169" s="236"/>
      <c r="AB169" s="236"/>
      <c r="AC169" s="236"/>
      <c r="AD169" s="236"/>
      <c r="AE169" s="236"/>
      <c r="AF169" s="236"/>
      <c r="AG169" s="237"/>
    </row>
    <row r="170" spans="1:38" s="2" customFormat="1" ht="16.5" customHeight="1">
      <c r="A170" s="282">
        <v>4</v>
      </c>
      <c r="B170" s="283"/>
      <c r="C170" s="283"/>
      <c r="D170" s="283"/>
      <c r="E170" s="522"/>
      <c r="F170" s="517">
        <v>223</v>
      </c>
      <c r="G170" s="111"/>
      <c r="H170" s="111"/>
      <c r="I170" s="111"/>
      <c r="J170" s="111"/>
      <c r="K170" s="111"/>
      <c r="L170" s="111"/>
      <c r="M170" s="240">
        <v>3787</v>
      </c>
      <c r="N170" s="240"/>
      <c r="O170" s="240"/>
      <c r="P170" s="240"/>
      <c r="Q170" s="240"/>
      <c r="R170" s="240"/>
      <c r="S170" s="240"/>
      <c r="T170" s="513">
        <v>2635</v>
      </c>
      <c r="U170" s="513"/>
      <c r="V170" s="513"/>
      <c r="W170" s="513"/>
      <c r="X170" s="513"/>
      <c r="Y170" s="513"/>
      <c r="Z170" s="513"/>
      <c r="AA170" s="513"/>
      <c r="AB170" s="513"/>
      <c r="AC170" s="513"/>
      <c r="AD170" s="513"/>
      <c r="AE170" s="513"/>
      <c r="AF170" s="513"/>
      <c r="AG170" s="514"/>
    </row>
    <row r="171" spans="1:38" s="2" customFormat="1" ht="16.5" customHeight="1">
      <c r="A171" s="294">
        <v>5</v>
      </c>
      <c r="B171" s="295"/>
      <c r="C171" s="295"/>
      <c r="D171" s="295"/>
      <c r="E171" s="523"/>
      <c r="F171" s="520">
        <v>216</v>
      </c>
      <c r="G171" s="521"/>
      <c r="H171" s="521"/>
      <c r="I171" s="521"/>
      <c r="J171" s="521"/>
      <c r="K171" s="521"/>
      <c r="L171" s="521"/>
      <c r="M171" s="215">
        <v>3676</v>
      </c>
      <c r="N171" s="215"/>
      <c r="O171" s="215"/>
      <c r="P171" s="215"/>
      <c r="Q171" s="215"/>
      <c r="R171" s="215"/>
      <c r="S171" s="215"/>
      <c r="T171" s="492">
        <v>2756</v>
      </c>
      <c r="U171" s="492"/>
      <c r="V171" s="492"/>
      <c r="W171" s="492"/>
      <c r="X171" s="492"/>
      <c r="Y171" s="492"/>
      <c r="Z171" s="492"/>
      <c r="AA171" s="492"/>
      <c r="AB171" s="492"/>
      <c r="AC171" s="492"/>
      <c r="AD171" s="492"/>
      <c r="AE171" s="492"/>
      <c r="AF171" s="492"/>
      <c r="AG171" s="493"/>
    </row>
    <row r="172" spans="1:38" s="2" customFormat="1" ht="16.5" customHeight="1">
      <c r="A172" s="299">
        <v>6</v>
      </c>
      <c r="B172" s="300"/>
      <c r="C172" s="300"/>
      <c r="D172" s="300"/>
      <c r="E172" s="510"/>
      <c r="F172" s="486">
        <v>299</v>
      </c>
      <c r="G172" s="487"/>
      <c r="H172" s="487"/>
      <c r="I172" s="487"/>
      <c r="J172" s="487"/>
      <c r="K172" s="487"/>
      <c r="L172" s="487"/>
      <c r="M172" s="512">
        <v>3736</v>
      </c>
      <c r="N172" s="512"/>
      <c r="O172" s="512"/>
      <c r="P172" s="512"/>
      <c r="Q172" s="512"/>
      <c r="R172" s="512"/>
      <c r="S172" s="512"/>
      <c r="T172" s="518">
        <v>2765</v>
      </c>
      <c r="U172" s="518"/>
      <c r="V172" s="518"/>
      <c r="W172" s="518"/>
      <c r="X172" s="518"/>
      <c r="Y172" s="518"/>
      <c r="Z172" s="518"/>
      <c r="AA172" s="518"/>
      <c r="AB172" s="518"/>
      <c r="AC172" s="518"/>
      <c r="AD172" s="518"/>
      <c r="AE172" s="518"/>
      <c r="AF172" s="518"/>
      <c r="AG172" s="519"/>
    </row>
    <row r="173" spans="1:38" s="2" customFormat="1" ht="13.5" customHeight="1">
      <c r="A173" s="9"/>
      <c r="B173" s="32"/>
      <c r="C173" s="32"/>
      <c r="D173" s="32"/>
      <c r="E173" s="32"/>
      <c r="F173" s="32"/>
      <c r="G173" s="32"/>
      <c r="H173" s="32"/>
      <c r="I173" s="32"/>
      <c r="J173" s="32"/>
      <c r="K173" s="32"/>
      <c r="L173" s="32"/>
      <c r="M173" s="32"/>
      <c r="N173" s="32"/>
      <c r="O173" s="32"/>
      <c r="P173" s="32"/>
      <c r="Q173" s="32"/>
      <c r="R173" s="32"/>
      <c r="S173" s="32"/>
      <c r="T173" s="32"/>
      <c r="U173" s="32"/>
      <c r="V173" s="32"/>
      <c r="W173" s="32"/>
      <c r="X173" s="32"/>
      <c r="Y173" s="32"/>
      <c r="Z173" s="32"/>
      <c r="AA173" s="32"/>
      <c r="AB173" s="32"/>
      <c r="AC173" s="32"/>
      <c r="AD173" s="32"/>
      <c r="AE173" s="32"/>
      <c r="AF173" s="32"/>
      <c r="AG173" s="11" t="s">
        <v>186</v>
      </c>
      <c r="AH173" s="13"/>
      <c r="AI173" s="13"/>
      <c r="AJ173" s="13"/>
      <c r="AK173" s="13"/>
      <c r="AL173" s="13"/>
    </row>
    <row r="174" spans="1:38" s="1" customFormat="1" ht="15.75" customHeight="1">
      <c r="A174" s="32"/>
      <c r="B174" s="32"/>
      <c r="C174" s="32"/>
      <c r="D174" s="32"/>
      <c r="E174" s="32"/>
      <c r="F174" s="32"/>
      <c r="G174" s="32"/>
      <c r="H174" s="32"/>
      <c r="I174" s="32"/>
      <c r="J174" s="32"/>
      <c r="K174" s="32"/>
      <c r="L174" s="32"/>
      <c r="M174" s="32"/>
      <c r="N174" s="32"/>
      <c r="S174" s="32"/>
      <c r="T174" s="32"/>
      <c r="U174" s="32"/>
      <c r="V174" s="32"/>
      <c r="W174" s="32"/>
      <c r="X174" s="32"/>
      <c r="Y174" s="32"/>
      <c r="Z174" s="32"/>
      <c r="AA174" s="33"/>
      <c r="AB174" s="33"/>
      <c r="AC174" s="33"/>
      <c r="AD174" s="33"/>
      <c r="AE174" s="33"/>
      <c r="AF174" s="33"/>
      <c r="AG174" s="33"/>
    </row>
    <row r="175" spans="1:38" s="1" customFormat="1" ht="19.5" customHeight="1">
      <c r="A175" s="448" t="s">
        <v>10</v>
      </c>
      <c r="B175" s="448"/>
      <c r="C175" s="448"/>
      <c r="D175" s="448"/>
      <c r="E175" s="448"/>
      <c r="F175" s="448"/>
      <c r="G175" s="448"/>
      <c r="H175" s="448"/>
      <c r="I175" s="448"/>
      <c r="J175" s="448"/>
      <c r="K175" s="448"/>
      <c r="L175" s="448"/>
      <c r="M175" s="448"/>
      <c r="N175" s="448"/>
      <c r="O175" s="448"/>
      <c r="P175" s="448"/>
      <c r="Q175" s="448"/>
      <c r="R175" s="448"/>
      <c r="S175" s="448"/>
      <c r="T175" s="448"/>
      <c r="U175" s="448"/>
      <c r="V175" s="448"/>
      <c r="W175" s="448"/>
      <c r="X175" s="448"/>
      <c r="Y175" s="448"/>
      <c r="Z175" s="448"/>
      <c r="AA175" s="448"/>
      <c r="AB175" s="448"/>
      <c r="AC175" s="448"/>
      <c r="AD175" s="448"/>
      <c r="AE175" s="448"/>
      <c r="AF175" s="448"/>
      <c r="AG175" s="2"/>
    </row>
    <row r="176" spans="1:38" s="1" customFormat="1" ht="13.5" customHeight="1">
      <c r="A176" s="34"/>
      <c r="B176" s="34"/>
      <c r="C176" s="34"/>
      <c r="D176" s="34"/>
      <c r="E176" s="34"/>
      <c r="F176" s="34"/>
      <c r="G176" s="34"/>
      <c r="H176" s="34"/>
      <c r="I176" s="34"/>
      <c r="J176" s="34"/>
      <c r="K176" s="34"/>
      <c r="L176" s="34"/>
      <c r="M176" s="34"/>
      <c r="N176" s="34"/>
      <c r="O176" s="34"/>
      <c r="P176" s="34"/>
      <c r="Q176" s="34"/>
      <c r="R176" s="34"/>
      <c r="S176" s="34"/>
      <c r="T176" s="34"/>
      <c r="U176" s="34"/>
      <c r="V176" s="34"/>
      <c r="W176" s="34"/>
      <c r="X176" s="34"/>
      <c r="Y176" s="34"/>
      <c r="Z176" s="34"/>
      <c r="AA176" s="34"/>
      <c r="AB176" s="34"/>
      <c r="AC176" s="34"/>
      <c r="AD176" s="34"/>
      <c r="AE176" s="34"/>
      <c r="AF176" s="34"/>
      <c r="AG176" s="2"/>
    </row>
    <row r="177" spans="1:39" s="1" customFormat="1" ht="13.5" customHeight="1">
      <c r="A177" s="12" t="s">
        <v>91</v>
      </c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  <c r="AA177" s="13"/>
      <c r="AB177" s="13"/>
      <c r="AC177" s="13"/>
      <c r="AD177" s="13"/>
      <c r="AE177" s="13"/>
      <c r="AF177" s="13"/>
      <c r="AG177" s="2"/>
    </row>
    <row r="178" spans="1:39" s="1" customFormat="1" ht="16.5" customHeight="1">
      <c r="A178" s="12"/>
      <c r="B178" s="2" t="s">
        <v>11</v>
      </c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  <c r="AA178" s="13"/>
      <c r="AB178" s="13"/>
      <c r="AC178" s="13"/>
      <c r="AD178" s="13"/>
      <c r="AE178" s="13"/>
      <c r="AF178" s="13"/>
      <c r="AG178" s="2"/>
    </row>
    <row r="179" spans="1:39" s="1" customFormat="1" ht="16.5" customHeight="1">
      <c r="A179" s="288" t="s">
        <v>16</v>
      </c>
      <c r="B179" s="289"/>
      <c r="C179" s="289"/>
      <c r="D179" s="289"/>
      <c r="E179" s="290"/>
      <c r="F179" s="219" t="s">
        <v>151</v>
      </c>
      <c r="G179" s="220"/>
      <c r="H179" s="220"/>
      <c r="I179" s="221"/>
      <c r="J179" s="219" t="s">
        <v>152</v>
      </c>
      <c r="K179" s="220"/>
      <c r="L179" s="220"/>
      <c r="M179" s="221"/>
      <c r="N179" s="219" t="s">
        <v>153</v>
      </c>
      <c r="O179" s="220"/>
      <c r="P179" s="220"/>
      <c r="Q179" s="221"/>
      <c r="R179" s="219" t="s">
        <v>154</v>
      </c>
      <c r="S179" s="220"/>
      <c r="T179" s="220"/>
      <c r="U179" s="221"/>
      <c r="V179" s="219" t="s">
        <v>155</v>
      </c>
      <c r="W179" s="220"/>
      <c r="X179" s="220"/>
      <c r="Y179" s="221"/>
      <c r="Z179" s="226" t="s">
        <v>207</v>
      </c>
      <c r="AA179" s="227"/>
      <c r="AB179" s="227"/>
      <c r="AC179" s="228"/>
      <c r="AD179" s="219" t="s">
        <v>211</v>
      </c>
      <c r="AE179" s="220"/>
      <c r="AF179" s="220"/>
      <c r="AG179" s="515"/>
      <c r="AH179" s="33"/>
      <c r="AI179" s="33"/>
      <c r="AJ179" s="33"/>
      <c r="AK179" s="33"/>
      <c r="AL179" s="33"/>
      <c r="AM179" s="11"/>
    </row>
    <row r="180" spans="1:39" s="1" customFormat="1" ht="16.5" customHeight="1">
      <c r="A180" s="285" t="s">
        <v>23</v>
      </c>
      <c r="B180" s="286"/>
      <c r="C180" s="286"/>
      <c r="D180" s="286"/>
      <c r="E180" s="287"/>
      <c r="F180" s="222"/>
      <c r="G180" s="223"/>
      <c r="H180" s="223"/>
      <c r="I180" s="224"/>
      <c r="J180" s="222"/>
      <c r="K180" s="223"/>
      <c r="L180" s="223"/>
      <c r="M180" s="224"/>
      <c r="N180" s="222"/>
      <c r="O180" s="223"/>
      <c r="P180" s="223"/>
      <c r="Q180" s="224"/>
      <c r="R180" s="222"/>
      <c r="S180" s="223"/>
      <c r="T180" s="223"/>
      <c r="U180" s="224"/>
      <c r="V180" s="222"/>
      <c r="W180" s="223"/>
      <c r="X180" s="223"/>
      <c r="Y180" s="224"/>
      <c r="Z180" s="229"/>
      <c r="AA180" s="230"/>
      <c r="AB180" s="230"/>
      <c r="AC180" s="231"/>
      <c r="AD180" s="222"/>
      <c r="AE180" s="223"/>
      <c r="AF180" s="223"/>
      <c r="AG180" s="516"/>
    </row>
    <row r="181" spans="1:39" s="2" customFormat="1" ht="15.75" customHeight="1">
      <c r="A181" s="282">
        <v>4</v>
      </c>
      <c r="B181" s="283"/>
      <c r="C181" s="283"/>
      <c r="D181" s="283"/>
      <c r="E181" s="284"/>
      <c r="F181" s="511">
        <v>213</v>
      </c>
      <c r="G181" s="216"/>
      <c r="H181" s="216"/>
      <c r="I181" s="216"/>
      <c r="J181" s="216">
        <v>9</v>
      </c>
      <c r="K181" s="216"/>
      <c r="L181" s="216"/>
      <c r="M181" s="216"/>
      <c r="N181" s="216">
        <v>3</v>
      </c>
      <c r="O181" s="216"/>
      <c r="P181" s="216"/>
      <c r="Q181" s="216"/>
      <c r="R181" s="216">
        <v>32</v>
      </c>
      <c r="S181" s="216"/>
      <c r="T181" s="216"/>
      <c r="U181" s="216"/>
      <c r="V181" s="216">
        <v>121</v>
      </c>
      <c r="W181" s="216"/>
      <c r="X181" s="216"/>
      <c r="Y181" s="216"/>
      <c r="Z181" s="216">
        <v>2</v>
      </c>
      <c r="AA181" s="216"/>
      <c r="AB181" s="216"/>
      <c r="AC181" s="216"/>
      <c r="AD181" s="216">
        <v>46</v>
      </c>
      <c r="AE181" s="216"/>
      <c r="AF181" s="216"/>
      <c r="AG181" s="241"/>
    </row>
    <row r="182" spans="1:39" s="2" customFormat="1" ht="15.75" customHeight="1">
      <c r="A182" s="294">
        <v>5</v>
      </c>
      <c r="B182" s="295"/>
      <c r="C182" s="295"/>
      <c r="D182" s="295"/>
      <c r="E182" s="296"/>
      <c r="F182" s="511">
        <v>220</v>
      </c>
      <c r="G182" s="216"/>
      <c r="H182" s="216"/>
      <c r="I182" s="216"/>
      <c r="J182" s="225">
        <v>9</v>
      </c>
      <c r="K182" s="225"/>
      <c r="L182" s="225"/>
      <c r="M182" s="225"/>
      <c r="N182" s="225">
        <v>3</v>
      </c>
      <c r="O182" s="225"/>
      <c r="P182" s="225"/>
      <c r="Q182" s="225"/>
      <c r="R182" s="225">
        <v>32</v>
      </c>
      <c r="S182" s="225"/>
      <c r="T182" s="225"/>
      <c r="U182" s="225"/>
      <c r="V182" s="225">
        <v>130</v>
      </c>
      <c r="W182" s="225"/>
      <c r="X182" s="225"/>
      <c r="Y182" s="225"/>
      <c r="Z182" s="225">
        <v>1</v>
      </c>
      <c r="AA182" s="225"/>
      <c r="AB182" s="225"/>
      <c r="AC182" s="225"/>
      <c r="AD182" s="225">
        <v>45</v>
      </c>
      <c r="AE182" s="225"/>
      <c r="AF182" s="225"/>
      <c r="AG182" s="619"/>
    </row>
    <row r="183" spans="1:39" s="2" customFormat="1" ht="15.75" customHeight="1">
      <c r="A183" s="299">
        <v>6</v>
      </c>
      <c r="B183" s="300"/>
      <c r="C183" s="300"/>
      <c r="D183" s="300"/>
      <c r="E183" s="301"/>
      <c r="F183" s="249">
        <v>225</v>
      </c>
      <c r="G183" s="250"/>
      <c r="H183" s="250"/>
      <c r="I183" s="250"/>
      <c r="J183" s="217">
        <v>9</v>
      </c>
      <c r="K183" s="217"/>
      <c r="L183" s="217"/>
      <c r="M183" s="217"/>
      <c r="N183" s="217">
        <v>3</v>
      </c>
      <c r="O183" s="217"/>
      <c r="P183" s="217"/>
      <c r="Q183" s="217"/>
      <c r="R183" s="217">
        <v>30</v>
      </c>
      <c r="S183" s="217"/>
      <c r="T183" s="217"/>
      <c r="U183" s="217"/>
      <c r="V183" s="217">
        <v>138</v>
      </c>
      <c r="W183" s="217"/>
      <c r="X183" s="217"/>
      <c r="Y183" s="217"/>
      <c r="Z183" s="217">
        <v>1</v>
      </c>
      <c r="AA183" s="217"/>
      <c r="AB183" s="217"/>
      <c r="AC183" s="217"/>
      <c r="AD183" s="217">
        <v>44</v>
      </c>
      <c r="AE183" s="217"/>
      <c r="AF183" s="217"/>
      <c r="AG183" s="524"/>
    </row>
    <row r="184" spans="1:39" s="2" customFormat="1" ht="13.5" customHeight="1">
      <c r="A184" s="9" t="s">
        <v>12</v>
      </c>
      <c r="AA184" s="11"/>
      <c r="AB184" s="11"/>
      <c r="AC184" s="11"/>
      <c r="AD184" s="11"/>
      <c r="AE184" s="11"/>
      <c r="AF184" s="11"/>
      <c r="AG184" s="11" t="s">
        <v>0</v>
      </c>
    </row>
    <row r="185" spans="1:39" s="2" customFormat="1" ht="13.5" customHeight="1"/>
    <row r="186" spans="1:39" s="2" customFormat="1" ht="15.75" customHeight="1">
      <c r="A186" s="12" t="s">
        <v>174</v>
      </c>
    </row>
    <row r="187" spans="1:39" s="2" customFormat="1" ht="19.5" customHeight="1">
      <c r="A187" s="288" t="s">
        <v>16</v>
      </c>
      <c r="B187" s="289"/>
      <c r="C187" s="289"/>
      <c r="D187" s="289"/>
      <c r="E187" s="290"/>
      <c r="F187" s="170" t="s">
        <v>57</v>
      </c>
      <c r="G187" s="171"/>
      <c r="H187" s="171"/>
      <c r="I187" s="171"/>
      <c r="J187" s="171"/>
      <c r="K187" s="172"/>
      <c r="L187" s="170" t="s">
        <v>156</v>
      </c>
      <c r="M187" s="171"/>
      <c r="N187" s="171"/>
      <c r="O187" s="171"/>
      <c r="P187" s="171"/>
      <c r="Q187" s="172"/>
      <c r="R187" s="170" t="s">
        <v>58</v>
      </c>
      <c r="S187" s="171"/>
      <c r="T187" s="171"/>
      <c r="U187" s="171"/>
      <c r="V187" s="171"/>
      <c r="W187" s="172"/>
      <c r="X187" s="170" t="s">
        <v>59</v>
      </c>
      <c r="Y187" s="171"/>
      <c r="Z187" s="171"/>
      <c r="AA187" s="171"/>
      <c r="AB187" s="171"/>
      <c r="AC187" s="172"/>
      <c r="AD187" s="188" t="s">
        <v>157</v>
      </c>
      <c r="AE187" s="189"/>
      <c r="AF187" s="192" t="s">
        <v>158</v>
      </c>
      <c r="AG187" s="193"/>
    </row>
    <row r="188" spans="1:39" s="2" customFormat="1" ht="19.5" customHeight="1">
      <c r="A188" s="291"/>
      <c r="B188" s="292"/>
      <c r="C188" s="292"/>
      <c r="D188" s="292"/>
      <c r="E188" s="293"/>
      <c r="F188" s="173"/>
      <c r="G188" s="174"/>
      <c r="H188" s="174"/>
      <c r="I188" s="174"/>
      <c r="J188" s="174"/>
      <c r="K188" s="175"/>
      <c r="L188" s="173"/>
      <c r="M188" s="174"/>
      <c r="N188" s="174"/>
      <c r="O188" s="174"/>
      <c r="P188" s="174"/>
      <c r="Q188" s="175"/>
      <c r="R188" s="173"/>
      <c r="S188" s="174"/>
      <c r="T188" s="174"/>
      <c r="U188" s="174"/>
      <c r="V188" s="174"/>
      <c r="W188" s="175"/>
      <c r="X188" s="173"/>
      <c r="Y188" s="174"/>
      <c r="Z188" s="174"/>
      <c r="AA188" s="174"/>
      <c r="AB188" s="174"/>
      <c r="AC188" s="175"/>
      <c r="AD188" s="190"/>
      <c r="AE188" s="191"/>
      <c r="AF188" s="194"/>
      <c r="AG188" s="195"/>
    </row>
    <row r="189" spans="1:39" s="2" customFormat="1" ht="19.5" customHeight="1">
      <c r="A189" s="285" t="s">
        <v>23</v>
      </c>
      <c r="B189" s="286"/>
      <c r="C189" s="286"/>
      <c r="D189" s="286"/>
      <c r="E189" s="287"/>
      <c r="F189" s="178" t="s">
        <v>60</v>
      </c>
      <c r="G189" s="179"/>
      <c r="H189" s="180"/>
      <c r="I189" s="178" t="s">
        <v>61</v>
      </c>
      <c r="J189" s="179"/>
      <c r="K189" s="180"/>
      <c r="L189" s="178" t="s">
        <v>60</v>
      </c>
      <c r="M189" s="179"/>
      <c r="N189" s="180"/>
      <c r="O189" s="178" t="s">
        <v>61</v>
      </c>
      <c r="P189" s="179"/>
      <c r="Q189" s="180"/>
      <c r="R189" s="178" t="s">
        <v>60</v>
      </c>
      <c r="S189" s="179"/>
      <c r="T189" s="180"/>
      <c r="U189" s="178" t="s">
        <v>61</v>
      </c>
      <c r="V189" s="179"/>
      <c r="W189" s="180"/>
      <c r="X189" s="178" t="s">
        <v>60</v>
      </c>
      <c r="Y189" s="179"/>
      <c r="Z189" s="180"/>
      <c r="AA189" s="178" t="s">
        <v>61</v>
      </c>
      <c r="AB189" s="179"/>
      <c r="AC189" s="180"/>
      <c r="AD189" s="173" t="s">
        <v>159</v>
      </c>
      <c r="AE189" s="175"/>
      <c r="AF189" s="186" t="s">
        <v>160</v>
      </c>
      <c r="AG189" s="187"/>
    </row>
    <row r="190" spans="1:39" s="2" customFormat="1" ht="15.75" customHeight="1">
      <c r="A190" s="282">
        <v>4</v>
      </c>
      <c r="B190" s="283"/>
      <c r="C190" s="283"/>
      <c r="D190" s="283"/>
      <c r="E190" s="284"/>
      <c r="F190" s="185">
        <v>14368</v>
      </c>
      <c r="G190" s="176"/>
      <c r="H190" s="176"/>
      <c r="I190" s="176">
        <v>2660</v>
      </c>
      <c r="J190" s="176"/>
      <c r="K190" s="176"/>
      <c r="L190" s="176">
        <v>552.91714978290065</v>
      </c>
      <c r="M190" s="176"/>
      <c r="N190" s="176"/>
      <c r="O190" s="176">
        <v>102.36355918864949</v>
      </c>
      <c r="P190" s="176"/>
      <c r="Q190" s="176"/>
      <c r="R190" s="176">
        <v>11097</v>
      </c>
      <c r="S190" s="176"/>
      <c r="T190" s="176"/>
      <c r="U190" s="176">
        <v>2075</v>
      </c>
      <c r="V190" s="176"/>
      <c r="W190" s="176"/>
      <c r="X190" s="313">
        <v>53.608695652173914</v>
      </c>
      <c r="Y190" s="313"/>
      <c r="Z190" s="313"/>
      <c r="AA190" s="313">
        <v>8.4008097165991895</v>
      </c>
      <c r="AB190" s="313"/>
      <c r="AC190" s="313"/>
      <c r="AD190" s="176">
        <v>24</v>
      </c>
      <c r="AE190" s="176"/>
      <c r="AF190" s="176">
        <v>16</v>
      </c>
      <c r="AG190" s="181"/>
    </row>
    <row r="191" spans="1:39" s="2" customFormat="1" ht="15.75" customHeight="1">
      <c r="A191" s="294">
        <v>5</v>
      </c>
      <c r="B191" s="295"/>
      <c r="C191" s="295"/>
      <c r="D191" s="295"/>
      <c r="E191" s="296"/>
      <c r="F191" s="266">
        <v>13976</v>
      </c>
      <c r="G191" s="265"/>
      <c r="H191" s="265"/>
      <c r="I191" s="265">
        <v>2613</v>
      </c>
      <c r="J191" s="265"/>
      <c r="K191" s="265"/>
      <c r="L191" s="265">
        <v>533</v>
      </c>
      <c r="M191" s="265"/>
      <c r="N191" s="265"/>
      <c r="O191" s="265">
        <v>100</v>
      </c>
      <c r="P191" s="265"/>
      <c r="Q191" s="265"/>
      <c r="R191" s="265">
        <v>10632</v>
      </c>
      <c r="S191" s="265"/>
      <c r="T191" s="265"/>
      <c r="U191" s="265">
        <v>2024</v>
      </c>
      <c r="V191" s="265"/>
      <c r="W191" s="265"/>
      <c r="X191" s="264">
        <v>51.6</v>
      </c>
      <c r="Y191" s="264"/>
      <c r="Z191" s="264"/>
      <c r="AA191" s="264">
        <v>8.1999999999999993</v>
      </c>
      <c r="AB191" s="264"/>
      <c r="AC191" s="264"/>
      <c r="AD191" s="265">
        <v>24</v>
      </c>
      <c r="AE191" s="265"/>
      <c r="AF191" s="265">
        <v>16</v>
      </c>
      <c r="AG191" s="276"/>
    </row>
    <row r="192" spans="1:39" s="2" customFormat="1" ht="15.75" customHeight="1">
      <c r="A192" s="299">
        <v>6</v>
      </c>
      <c r="B192" s="300"/>
      <c r="C192" s="300"/>
      <c r="D192" s="300"/>
      <c r="E192" s="301"/>
      <c r="F192" s="312">
        <v>13688</v>
      </c>
      <c r="G192" s="298"/>
      <c r="H192" s="298"/>
      <c r="I192" s="298">
        <v>2494</v>
      </c>
      <c r="J192" s="298"/>
      <c r="K192" s="298"/>
      <c r="L192" s="298">
        <v>521</v>
      </c>
      <c r="M192" s="298"/>
      <c r="N192" s="298"/>
      <c r="O192" s="298">
        <v>95</v>
      </c>
      <c r="P192" s="298"/>
      <c r="Q192" s="298"/>
      <c r="R192" s="298">
        <v>10366</v>
      </c>
      <c r="S192" s="298"/>
      <c r="T192" s="298"/>
      <c r="U192" s="298">
        <v>1973</v>
      </c>
      <c r="V192" s="298"/>
      <c r="W192" s="298"/>
      <c r="X192" s="307">
        <v>49.8</v>
      </c>
      <c r="Y192" s="307"/>
      <c r="Z192" s="307"/>
      <c r="AA192" s="307">
        <v>8</v>
      </c>
      <c r="AB192" s="307"/>
      <c r="AC192" s="307"/>
      <c r="AD192" s="298">
        <v>26</v>
      </c>
      <c r="AE192" s="298"/>
      <c r="AF192" s="298">
        <v>16</v>
      </c>
      <c r="AG192" s="308"/>
    </row>
    <row r="193" spans="1:33" s="2" customFormat="1" ht="19.5" customHeight="1">
      <c r="A193" s="9" t="s">
        <v>193</v>
      </c>
      <c r="Z193" s="11"/>
      <c r="AA193" s="11"/>
      <c r="AB193" s="11"/>
      <c r="AC193" s="11"/>
      <c r="AD193" s="11"/>
      <c r="AE193" s="11"/>
      <c r="AF193" s="11"/>
      <c r="AG193" s="11" t="s">
        <v>13</v>
      </c>
    </row>
    <row r="194" spans="1:33" s="2" customFormat="1" ht="20.100000000000001" customHeight="1"/>
    <row r="195" spans="1:33" s="2" customFormat="1" ht="16.5" customHeight="1">
      <c r="A195" s="12" t="s">
        <v>175</v>
      </c>
    </row>
    <row r="196" spans="1:33" s="2" customFormat="1" ht="19.5" customHeight="1">
      <c r="A196" s="288" t="s">
        <v>16</v>
      </c>
      <c r="B196" s="289"/>
      <c r="C196" s="289"/>
      <c r="D196" s="289"/>
      <c r="E196" s="290"/>
      <c r="F196" s="267" t="s">
        <v>187</v>
      </c>
      <c r="G196" s="268"/>
      <c r="H196" s="268"/>
      <c r="I196" s="268"/>
      <c r="J196" s="268"/>
      <c r="K196" s="268"/>
      <c r="L196" s="268"/>
      <c r="M196" s="268"/>
      <c r="N196" s="268"/>
      <c r="O196" s="268"/>
      <c r="P196" s="268"/>
      <c r="Q196" s="269"/>
      <c r="R196" s="309" t="s">
        <v>62</v>
      </c>
      <c r="S196" s="310"/>
      <c r="T196" s="310"/>
      <c r="U196" s="310"/>
      <c r="V196" s="310"/>
      <c r="W196" s="310"/>
      <c r="X196" s="310"/>
      <c r="Y196" s="310"/>
      <c r="Z196" s="310"/>
      <c r="AA196" s="310"/>
      <c r="AB196" s="310"/>
      <c r="AC196" s="310"/>
      <c r="AD196" s="310"/>
      <c r="AE196" s="310"/>
      <c r="AF196" s="310"/>
      <c r="AG196" s="311"/>
    </row>
    <row r="197" spans="1:33" s="2" customFormat="1" ht="16.5" customHeight="1">
      <c r="A197" s="291"/>
      <c r="B197" s="292"/>
      <c r="C197" s="292"/>
      <c r="D197" s="292"/>
      <c r="E197" s="293"/>
      <c r="F197" s="186"/>
      <c r="G197" s="270"/>
      <c r="H197" s="270"/>
      <c r="I197" s="270"/>
      <c r="J197" s="270"/>
      <c r="K197" s="270"/>
      <c r="L197" s="270"/>
      <c r="M197" s="270"/>
      <c r="N197" s="270"/>
      <c r="O197" s="270"/>
      <c r="P197" s="270"/>
      <c r="Q197" s="271"/>
      <c r="R197" s="277" t="s">
        <v>161</v>
      </c>
      <c r="S197" s="278"/>
      <c r="T197" s="278"/>
      <c r="U197" s="279"/>
      <c r="V197" s="182" t="s">
        <v>63</v>
      </c>
      <c r="W197" s="183"/>
      <c r="X197" s="183"/>
      <c r="Y197" s="183"/>
      <c r="Z197" s="183"/>
      <c r="AA197" s="183"/>
      <c r="AB197" s="183"/>
      <c r="AC197" s="183"/>
      <c r="AD197" s="183"/>
      <c r="AE197" s="183"/>
      <c r="AF197" s="183"/>
      <c r="AG197" s="184"/>
    </row>
    <row r="198" spans="1:33" s="35" customFormat="1" ht="16.5" customHeight="1">
      <c r="A198" s="285" t="s">
        <v>23</v>
      </c>
      <c r="B198" s="286"/>
      <c r="C198" s="286"/>
      <c r="D198" s="286"/>
      <c r="E198" s="287"/>
      <c r="F198" s="273" t="s">
        <v>64</v>
      </c>
      <c r="G198" s="274"/>
      <c r="H198" s="275"/>
      <c r="I198" s="273" t="s">
        <v>65</v>
      </c>
      <c r="J198" s="274"/>
      <c r="K198" s="274"/>
      <c r="L198" s="275"/>
      <c r="M198" s="273" t="s">
        <v>66</v>
      </c>
      <c r="N198" s="274"/>
      <c r="O198" s="274"/>
      <c r="P198" s="274"/>
      <c r="Q198" s="275"/>
      <c r="R198" s="186"/>
      <c r="S198" s="270"/>
      <c r="T198" s="270"/>
      <c r="U198" s="271"/>
      <c r="V198" s="303" t="s">
        <v>162</v>
      </c>
      <c r="W198" s="304"/>
      <c r="X198" s="304"/>
      <c r="Y198" s="306"/>
      <c r="Z198" s="303" t="s">
        <v>163</v>
      </c>
      <c r="AA198" s="304"/>
      <c r="AB198" s="304"/>
      <c r="AC198" s="306"/>
      <c r="AD198" s="303" t="s">
        <v>67</v>
      </c>
      <c r="AE198" s="304"/>
      <c r="AF198" s="304"/>
      <c r="AG198" s="305"/>
    </row>
    <row r="199" spans="1:33" s="2" customFormat="1" ht="16.5" customHeight="1">
      <c r="A199" s="282">
        <v>4</v>
      </c>
      <c r="B199" s="283"/>
      <c r="C199" s="283"/>
      <c r="D199" s="283"/>
      <c r="E199" s="284"/>
      <c r="F199" s="297">
        <v>6</v>
      </c>
      <c r="G199" s="272"/>
      <c r="H199" s="272"/>
      <c r="I199" s="148">
        <v>5</v>
      </c>
      <c r="J199" s="148"/>
      <c r="K199" s="148"/>
      <c r="L199" s="148"/>
      <c r="M199" s="272">
        <v>31</v>
      </c>
      <c r="N199" s="272"/>
      <c r="O199" s="272"/>
      <c r="P199" s="272"/>
      <c r="Q199" s="272"/>
      <c r="R199" s="272">
        <v>82</v>
      </c>
      <c r="S199" s="272"/>
      <c r="T199" s="272"/>
      <c r="U199" s="272"/>
      <c r="V199" s="272">
        <v>1468</v>
      </c>
      <c r="W199" s="272"/>
      <c r="X199" s="272"/>
      <c r="Y199" s="272"/>
      <c r="Z199" s="272">
        <v>94</v>
      </c>
      <c r="AA199" s="272"/>
      <c r="AB199" s="272"/>
      <c r="AC199" s="272"/>
      <c r="AD199" s="272">
        <v>47</v>
      </c>
      <c r="AE199" s="272"/>
      <c r="AF199" s="272"/>
      <c r="AG199" s="302"/>
    </row>
    <row r="200" spans="1:33" s="55" customFormat="1" ht="16.5" customHeight="1">
      <c r="A200" s="294">
        <v>5</v>
      </c>
      <c r="B200" s="295"/>
      <c r="C200" s="295"/>
      <c r="D200" s="295"/>
      <c r="E200" s="296"/>
      <c r="F200" s="476">
        <v>9</v>
      </c>
      <c r="G200" s="148"/>
      <c r="H200" s="148"/>
      <c r="I200" s="148">
        <v>3</v>
      </c>
      <c r="J200" s="148"/>
      <c r="K200" s="148"/>
      <c r="L200" s="148"/>
      <c r="M200" s="148">
        <v>31</v>
      </c>
      <c r="N200" s="148"/>
      <c r="O200" s="148"/>
      <c r="P200" s="148"/>
      <c r="Q200" s="148"/>
      <c r="R200" s="148">
        <v>82</v>
      </c>
      <c r="S200" s="148"/>
      <c r="T200" s="148"/>
      <c r="U200" s="148"/>
      <c r="V200" s="148">
        <v>1350</v>
      </c>
      <c r="W200" s="148"/>
      <c r="X200" s="148"/>
      <c r="Y200" s="148"/>
      <c r="Z200" s="148">
        <v>88</v>
      </c>
      <c r="AA200" s="148"/>
      <c r="AB200" s="148"/>
      <c r="AC200" s="148"/>
      <c r="AD200" s="148">
        <v>45</v>
      </c>
      <c r="AE200" s="148"/>
      <c r="AF200" s="148"/>
      <c r="AG200" s="218"/>
    </row>
    <row r="201" spans="1:33" s="2" customFormat="1" ht="16.5" customHeight="1">
      <c r="A201" s="299">
        <v>6</v>
      </c>
      <c r="B201" s="300"/>
      <c r="C201" s="300"/>
      <c r="D201" s="300"/>
      <c r="E201" s="301"/>
      <c r="F201" s="598">
        <v>7</v>
      </c>
      <c r="G201" s="177"/>
      <c r="H201" s="177"/>
      <c r="I201" s="177">
        <v>1</v>
      </c>
      <c r="J201" s="177"/>
      <c r="K201" s="177"/>
      <c r="L201" s="177"/>
      <c r="M201" s="177">
        <v>37</v>
      </c>
      <c r="N201" s="177"/>
      <c r="O201" s="177"/>
      <c r="P201" s="177"/>
      <c r="Q201" s="177"/>
      <c r="R201" s="177">
        <v>84</v>
      </c>
      <c r="S201" s="177"/>
      <c r="T201" s="177"/>
      <c r="U201" s="177"/>
      <c r="V201" s="177">
        <v>1255</v>
      </c>
      <c r="W201" s="177"/>
      <c r="X201" s="177"/>
      <c r="Y201" s="177"/>
      <c r="Z201" s="177">
        <v>81</v>
      </c>
      <c r="AA201" s="177"/>
      <c r="AB201" s="177"/>
      <c r="AC201" s="177"/>
      <c r="AD201" s="177">
        <v>42</v>
      </c>
      <c r="AE201" s="177"/>
      <c r="AF201" s="177"/>
      <c r="AG201" s="263"/>
    </row>
    <row r="202" spans="1:33" s="2" customFormat="1" ht="19.5" customHeight="1">
      <c r="A202" s="16"/>
      <c r="B202" s="16"/>
      <c r="Z202" s="11"/>
      <c r="AA202" s="11"/>
      <c r="AB202" s="11"/>
      <c r="AC202" s="11"/>
      <c r="AD202" s="11"/>
      <c r="AE202" s="11"/>
      <c r="AF202" s="11"/>
      <c r="AG202" s="11" t="s">
        <v>13</v>
      </c>
    </row>
    <row r="203" spans="1:33" s="2" customFormat="1" ht="15" customHeight="1">
      <c r="A203" s="16"/>
      <c r="B203" s="16"/>
      <c r="Z203" s="11"/>
      <c r="AA203" s="11"/>
      <c r="AB203" s="11"/>
      <c r="AC203" s="11"/>
      <c r="AD203" s="11"/>
      <c r="AE203" s="11"/>
      <c r="AF203" s="11"/>
      <c r="AG203" s="11"/>
    </row>
    <row r="204" spans="1:33" s="2" customFormat="1" ht="19.5" customHeight="1">
      <c r="A204" s="12" t="s">
        <v>176</v>
      </c>
      <c r="AE204" s="13"/>
      <c r="AF204" s="13"/>
      <c r="AG204" s="6" t="s">
        <v>14</v>
      </c>
    </row>
    <row r="205" spans="1:33" s="2" customFormat="1" ht="19.5" customHeight="1">
      <c r="A205" s="288" t="s">
        <v>16</v>
      </c>
      <c r="B205" s="289"/>
      <c r="C205" s="289"/>
      <c r="D205" s="289"/>
      <c r="E205" s="290"/>
      <c r="F205" s="232" t="s">
        <v>164</v>
      </c>
      <c r="G205" s="233"/>
      <c r="H205" s="233"/>
      <c r="I205" s="233"/>
      <c r="J205" s="233"/>
      <c r="K205" s="233"/>
      <c r="L205" s="280"/>
      <c r="M205" s="232" t="s">
        <v>165</v>
      </c>
      <c r="N205" s="233"/>
      <c r="O205" s="233"/>
      <c r="P205" s="233"/>
      <c r="Q205" s="233"/>
      <c r="R205" s="233"/>
      <c r="S205" s="280"/>
      <c r="T205" s="232" t="s">
        <v>68</v>
      </c>
      <c r="U205" s="233"/>
      <c r="V205" s="233"/>
      <c r="W205" s="233"/>
      <c r="X205" s="233"/>
      <c r="Y205" s="233"/>
      <c r="Z205" s="280"/>
      <c r="AA205" s="232" t="s">
        <v>69</v>
      </c>
      <c r="AB205" s="233"/>
      <c r="AC205" s="233"/>
      <c r="AD205" s="233"/>
      <c r="AE205" s="233"/>
      <c r="AF205" s="233"/>
      <c r="AG205" s="234"/>
    </row>
    <row r="206" spans="1:33" s="2" customFormat="1" ht="16.5" customHeight="1">
      <c r="A206" s="285" t="s">
        <v>23</v>
      </c>
      <c r="B206" s="286"/>
      <c r="C206" s="286"/>
      <c r="D206" s="286"/>
      <c r="E206" s="287"/>
      <c r="F206" s="235"/>
      <c r="G206" s="236"/>
      <c r="H206" s="236"/>
      <c r="I206" s="236"/>
      <c r="J206" s="236"/>
      <c r="K206" s="236"/>
      <c r="L206" s="281"/>
      <c r="M206" s="235"/>
      <c r="N206" s="236"/>
      <c r="O206" s="236"/>
      <c r="P206" s="236"/>
      <c r="Q206" s="236"/>
      <c r="R206" s="236"/>
      <c r="S206" s="281"/>
      <c r="T206" s="235"/>
      <c r="U206" s="236"/>
      <c r="V206" s="236"/>
      <c r="W206" s="236"/>
      <c r="X206" s="236"/>
      <c r="Y206" s="236"/>
      <c r="Z206" s="281"/>
      <c r="AA206" s="235"/>
      <c r="AB206" s="236"/>
      <c r="AC206" s="236"/>
      <c r="AD206" s="236"/>
      <c r="AE206" s="236"/>
      <c r="AF206" s="236"/>
      <c r="AG206" s="237"/>
    </row>
    <row r="207" spans="1:33" s="35" customFormat="1" ht="16.5" customHeight="1">
      <c r="A207" s="282">
        <v>4</v>
      </c>
      <c r="B207" s="283"/>
      <c r="C207" s="283"/>
      <c r="D207" s="283"/>
      <c r="E207" s="284"/>
      <c r="F207" s="476">
        <v>2152</v>
      </c>
      <c r="G207" s="148"/>
      <c r="H207" s="148"/>
      <c r="I207" s="148"/>
      <c r="J207" s="168">
        <v>8.9</v>
      </c>
      <c r="K207" s="168"/>
      <c r="L207" s="168"/>
      <c r="M207" s="148">
        <v>1131</v>
      </c>
      <c r="N207" s="148"/>
      <c r="O207" s="148"/>
      <c r="P207" s="148"/>
      <c r="Q207" s="168">
        <v>4.7</v>
      </c>
      <c r="R207" s="168"/>
      <c r="S207" s="168"/>
      <c r="T207" s="148">
        <v>746</v>
      </c>
      <c r="U207" s="148"/>
      <c r="V207" s="148"/>
      <c r="W207" s="148"/>
      <c r="X207" s="168">
        <v>3.1</v>
      </c>
      <c r="Y207" s="168"/>
      <c r="Z207" s="168"/>
      <c r="AA207" s="148">
        <v>275</v>
      </c>
      <c r="AB207" s="148"/>
      <c r="AC207" s="148"/>
      <c r="AD207" s="148"/>
      <c r="AE207" s="168">
        <v>1.1000000000000001</v>
      </c>
      <c r="AF207" s="168"/>
      <c r="AG207" s="169"/>
    </row>
    <row r="208" spans="1:33" s="2" customFormat="1" ht="16.5" customHeight="1">
      <c r="A208" s="294">
        <v>5</v>
      </c>
      <c r="B208" s="295"/>
      <c r="C208" s="295"/>
      <c r="D208" s="295"/>
      <c r="E208" s="296"/>
      <c r="F208" s="476">
        <v>2236</v>
      </c>
      <c r="G208" s="148"/>
      <c r="H208" s="148"/>
      <c r="I208" s="148"/>
      <c r="J208" s="168">
        <v>9.1999999999999993</v>
      </c>
      <c r="K208" s="168"/>
      <c r="L208" s="168"/>
      <c r="M208" s="148">
        <v>1218</v>
      </c>
      <c r="N208" s="148"/>
      <c r="O208" s="148"/>
      <c r="P208" s="148"/>
      <c r="Q208" s="168">
        <v>5</v>
      </c>
      <c r="R208" s="168"/>
      <c r="S208" s="168"/>
      <c r="T208" s="148">
        <v>743</v>
      </c>
      <c r="U208" s="148"/>
      <c r="V208" s="148"/>
      <c r="W208" s="148"/>
      <c r="X208" s="168">
        <v>3.1</v>
      </c>
      <c r="Y208" s="168"/>
      <c r="Z208" s="168"/>
      <c r="AA208" s="148">
        <v>275</v>
      </c>
      <c r="AB208" s="148"/>
      <c r="AC208" s="148"/>
      <c r="AD208" s="148"/>
      <c r="AE208" s="168">
        <v>1.1000000000000001</v>
      </c>
      <c r="AF208" s="168"/>
      <c r="AG208" s="169"/>
    </row>
    <row r="209" spans="1:33" s="55" customFormat="1" ht="16.5" customHeight="1">
      <c r="A209" s="299">
        <v>6</v>
      </c>
      <c r="B209" s="300"/>
      <c r="C209" s="300"/>
      <c r="D209" s="300"/>
      <c r="E209" s="301"/>
      <c r="F209" s="238">
        <v>2655</v>
      </c>
      <c r="G209" s="239"/>
      <c r="H209" s="239"/>
      <c r="I209" s="239"/>
      <c r="J209" s="593">
        <v>10.9</v>
      </c>
      <c r="K209" s="593"/>
      <c r="L209" s="593"/>
      <c r="M209" s="177">
        <v>1550</v>
      </c>
      <c r="N209" s="177"/>
      <c r="O209" s="177"/>
      <c r="P209" s="177"/>
      <c r="Q209" s="202">
        <v>6.4</v>
      </c>
      <c r="R209" s="202"/>
      <c r="S209" s="202"/>
      <c r="T209" s="177">
        <v>830</v>
      </c>
      <c r="U209" s="177"/>
      <c r="V209" s="177"/>
      <c r="W209" s="177"/>
      <c r="X209" s="202">
        <v>3.4</v>
      </c>
      <c r="Y209" s="202"/>
      <c r="Z209" s="202"/>
      <c r="AA209" s="177">
        <v>275</v>
      </c>
      <c r="AB209" s="177"/>
      <c r="AC209" s="177"/>
      <c r="AD209" s="177"/>
      <c r="AE209" s="202">
        <v>1.1000000000000001</v>
      </c>
      <c r="AF209" s="202"/>
      <c r="AG209" s="251"/>
    </row>
    <row r="210" spans="1:33" s="2" customFormat="1" ht="15.75" customHeight="1">
      <c r="A210" s="16" t="s">
        <v>190</v>
      </c>
      <c r="AD210" s="11"/>
      <c r="AE210" s="11"/>
      <c r="AF210" s="11"/>
      <c r="AG210" s="11" t="s">
        <v>13</v>
      </c>
    </row>
    <row r="211" spans="1:33" s="2" customFormat="1" ht="19.5" customHeight="1">
      <c r="A211" s="55"/>
      <c r="B211" s="55"/>
      <c r="C211" s="55"/>
      <c r="D211" s="55"/>
      <c r="E211" s="55"/>
      <c r="F211" s="55"/>
      <c r="G211" s="55"/>
      <c r="H211" s="55"/>
      <c r="I211" s="55"/>
      <c r="J211" s="55"/>
      <c r="K211" s="55"/>
      <c r="L211" s="55"/>
      <c r="M211" s="55"/>
      <c r="N211" s="55"/>
      <c r="O211" s="55"/>
      <c r="P211" s="55"/>
      <c r="Q211" s="55"/>
      <c r="R211" s="55"/>
      <c r="S211" s="55"/>
      <c r="T211" s="55"/>
      <c r="U211" s="55"/>
      <c r="V211" s="55"/>
      <c r="W211" s="55"/>
      <c r="X211" s="55"/>
      <c r="Y211" s="55"/>
      <c r="Z211" s="55"/>
      <c r="AA211" s="55"/>
      <c r="AB211" s="55"/>
      <c r="AC211" s="55"/>
      <c r="AD211" s="55"/>
      <c r="AE211" s="55"/>
      <c r="AF211" s="55"/>
      <c r="AG211" s="55"/>
    </row>
    <row r="212" spans="1:33" s="2" customFormat="1" ht="16.5" customHeight="1">
      <c r="A212" s="39" t="s">
        <v>177</v>
      </c>
      <c r="B212" s="36"/>
      <c r="C212" s="36"/>
      <c r="D212" s="36"/>
      <c r="E212" s="36"/>
      <c r="F212" s="36"/>
      <c r="G212" s="36"/>
      <c r="H212" s="36"/>
      <c r="I212" s="36"/>
      <c r="J212" s="36"/>
      <c r="K212" s="36"/>
      <c r="L212" s="36"/>
      <c r="M212" s="36"/>
      <c r="N212" s="36"/>
      <c r="O212" s="36"/>
      <c r="P212" s="36"/>
      <c r="Q212" s="36"/>
      <c r="R212" s="36"/>
      <c r="S212" s="36"/>
      <c r="T212" s="36"/>
      <c r="U212" s="36"/>
      <c r="V212" s="36"/>
      <c r="W212" s="36"/>
      <c r="X212" s="36"/>
      <c r="Y212" s="36"/>
      <c r="Z212" s="36"/>
      <c r="AA212" s="36"/>
      <c r="AB212" s="36"/>
      <c r="AC212" s="36"/>
      <c r="AD212" s="36"/>
      <c r="AE212" s="37"/>
      <c r="AF212" s="37"/>
      <c r="AG212" s="40" t="s">
        <v>15</v>
      </c>
    </row>
    <row r="213" spans="1:33" s="2" customFormat="1" ht="19.5" customHeight="1">
      <c r="A213" s="595" t="s">
        <v>16</v>
      </c>
      <c r="B213" s="596"/>
      <c r="C213" s="596"/>
      <c r="D213" s="596"/>
      <c r="E213" s="596"/>
      <c r="F213" s="597"/>
      <c r="G213" s="158" t="s">
        <v>166</v>
      </c>
      <c r="H213" s="159"/>
      <c r="I213" s="159"/>
      <c r="J213" s="159"/>
      <c r="K213" s="160"/>
      <c r="L213" s="198" t="s">
        <v>167</v>
      </c>
      <c r="M213" s="199"/>
      <c r="N213" s="198" t="s">
        <v>168</v>
      </c>
      <c r="O213" s="199"/>
      <c r="P213" s="198" t="s">
        <v>169</v>
      </c>
      <c r="Q213" s="199"/>
      <c r="R213" s="198" t="s">
        <v>170</v>
      </c>
      <c r="S213" s="199"/>
      <c r="T213" s="253" t="s">
        <v>206</v>
      </c>
      <c r="U213" s="254"/>
      <c r="V213" s="255"/>
      <c r="W213" s="198" t="s">
        <v>171</v>
      </c>
      <c r="X213" s="199"/>
      <c r="Y213" s="198" t="s">
        <v>172</v>
      </c>
      <c r="Z213" s="199"/>
      <c r="AA213" s="198" t="s">
        <v>173</v>
      </c>
      <c r="AB213" s="199"/>
      <c r="AC213" s="198" t="s">
        <v>22</v>
      </c>
      <c r="AD213" s="259"/>
      <c r="AE213" s="259"/>
      <c r="AF213" s="259"/>
      <c r="AG213" s="260"/>
    </row>
    <row r="214" spans="1:33" s="54" customFormat="1" ht="16.5" customHeight="1">
      <c r="A214" s="285" t="s">
        <v>23</v>
      </c>
      <c r="B214" s="286"/>
      <c r="C214" s="286"/>
      <c r="D214" s="286"/>
      <c r="E214" s="286"/>
      <c r="F214" s="38"/>
      <c r="G214" s="161"/>
      <c r="H214" s="162"/>
      <c r="I214" s="162"/>
      <c r="J214" s="162"/>
      <c r="K214" s="163"/>
      <c r="L214" s="200"/>
      <c r="M214" s="201"/>
      <c r="N214" s="200"/>
      <c r="O214" s="201"/>
      <c r="P214" s="200"/>
      <c r="Q214" s="201"/>
      <c r="R214" s="200"/>
      <c r="S214" s="201"/>
      <c r="T214" s="256"/>
      <c r="U214" s="257"/>
      <c r="V214" s="258"/>
      <c r="W214" s="200"/>
      <c r="X214" s="201"/>
      <c r="Y214" s="200"/>
      <c r="Z214" s="201"/>
      <c r="AA214" s="200"/>
      <c r="AB214" s="201"/>
      <c r="AC214" s="200"/>
      <c r="AD214" s="261"/>
      <c r="AE214" s="261"/>
      <c r="AF214" s="261"/>
      <c r="AG214" s="262"/>
    </row>
    <row r="215" spans="1:33" s="35" customFormat="1" ht="16.5" customHeight="1">
      <c r="A215" s="282">
        <v>4</v>
      </c>
      <c r="B215" s="283"/>
      <c r="C215" s="283"/>
      <c r="D215" s="283"/>
      <c r="E215" s="283"/>
      <c r="F215" s="58"/>
      <c r="G215" s="165">
        <v>155</v>
      </c>
      <c r="H215" s="166"/>
      <c r="I215" s="166"/>
      <c r="J215" s="166"/>
      <c r="K215" s="166"/>
      <c r="L215" s="197">
        <v>18</v>
      </c>
      <c r="M215" s="197"/>
      <c r="N215" s="197">
        <v>1</v>
      </c>
      <c r="O215" s="197"/>
      <c r="P215" s="197" t="s">
        <v>80</v>
      </c>
      <c r="Q215" s="197"/>
      <c r="R215" s="197">
        <v>23</v>
      </c>
      <c r="S215" s="197"/>
      <c r="T215" s="197" t="s">
        <v>80</v>
      </c>
      <c r="U215" s="197"/>
      <c r="V215" s="197"/>
      <c r="W215" s="197">
        <v>9</v>
      </c>
      <c r="X215" s="197"/>
      <c r="Y215" s="197">
        <v>3</v>
      </c>
      <c r="Z215" s="197"/>
      <c r="AA215" s="167">
        <v>42</v>
      </c>
      <c r="AB215" s="167"/>
      <c r="AC215" s="197">
        <v>59</v>
      </c>
      <c r="AD215" s="197"/>
      <c r="AE215" s="197"/>
      <c r="AF215" s="197"/>
      <c r="AG215" s="252"/>
    </row>
    <row r="216" spans="1:33" s="2" customFormat="1" ht="16.5" customHeight="1">
      <c r="A216" s="294">
        <v>5</v>
      </c>
      <c r="B216" s="295"/>
      <c r="C216" s="295"/>
      <c r="D216" s="295"/>
      <c r="E216" s="295"/>
      <c r="F216" s="59"/>
      <c r="G216" s="165">
        <v>126</v>
      </c>
      <c r="H216" s="166"/>
      <c r="I216" s="166"/>
      <c r="J216" s="166"/>
      <c r="K216" s="166"/>
      <c r="L216" s="167">
        <v>12</v>
      </c>
      <c r="M216" s="167"/>
      <c r="N216" s="167">
        <v>2</v>
      </c>
      <c r="O216" s="167"/>
      <c r="P216" s="167" t="s">
        <v>80</v>
      </c>
      <c r="Q216" s="167"/>
      <c r="R216" s="167">
        <v>11</v>
      </c>
      <c r="S216" s="167"/>
      <c r="T216" s="167" t="s">
        <v>80</v>
      </c>
      <c r="U216" s="167"/>
      <c r="V216" s="167"/>
      <c r="W216" s="167">
        <v>4</v>
      </c>
      <c r="X216" s="167"/>
      <c r="Y216" s="167">
        <v>1</v>
      </c>
      <c r="Z216" s="167"/>
      <c r="AA216" s="167">
        <v>31</v>
      </c>
      <c r="AB216" s="167"/>
      <c r="AC216" s="167">
        <v>65</v>
      </c>
      <c r="AD216" s="167"/>
      <c r="AE216" s="167"/>
      <c r="AF216" s="167"/>
      <c r="AG216" s="203"/>
    </row>
    <row r="217" spans="1:33" s="55" customFormat="1" ht="16.5" customHeight="1">
      <c r="A217" s="299">
        <v>6</v>
      </c>
      <c r="B217" s="300"/>
      <c r="C217" s="300"/>
      <c r="D217" s="300"/>
      <c r="E217" s="300"/>
      <c r="F217" s="60"/>
      <c r="G217" s="599">
        <v>102</v>
      </c>
      <c r="H217" s="600"/>
      <c r="I217" s="600"/>
      <c r="J217" s="600"/>
      <c r="K217" s="600"/>
      <c r="L217" s="164">
        <v>13</v>
      </c>
      <c r="M217" s="164"/>
      <c r="N217" s="164">
        <v>4</v>
      </c>
      <c r="O217" s="164"/>
      <c r="P217" s="164" t="s">
        <v>80</v>
      </c>
      <c r="Q217" s="164"/>
      <c r="R217" s="164">
        <v>5</v>
      </c>
      <c r="S217" s="164"/>
      <c r="T217" s="164" t="s">
        <v>80</v>
      </c>
      <c r="U217" s="164"/>
      <c r="V217" s="164"/>
      <c r="W217" s="164">
        <v>6</v>
      </c>
      <c r="X217" s="164"/>
      <c r="Y217" s="164">
        <v>1</v>
      </c>
      <c r="Z217" s="164"/>
      <c r="AA217" s="164">
        <v>34</v>
      </c>
      <c r="AB217" s="164"/>
      <c r="AC217" s="164">
        <v>39</v>
      </c>
      <c r="AD217" s="164"/>
      <c r="AE217" s="164"/>
      <c r="AF217" s="164"/>
      <c r="AG217" s="196"/>
    </row>
    <row r="218" spans="1:33" s="2" customFormat="1" ht="13.5" customHeight="1">
      <c r="AA218" s="11"/>
      <c r="AB218" s="11"/>
      <c r="AC218" s="11"/>
      <c r="AD218" s="11"/>
      <c r="AE218" s="11"/>
      <c r="AF218" s="11"/>
      <c r="AG218" s="11" t="s">
        <v>9</v>
      </c>
    </row>
    <row r="219" spans="1:33" s="2" customFormat="1" ht="15.75" customHeight="1">
      <c r="A219" s="41"/>
      <c r="B219" s="41"/>
      <c r="C219" s="41"/>
      <c r="D219" s="41"/>
      <c r="E219" s="41"/>
      <c r="F219" s="41"/>
      <c r="G219" s="41"/>
      <c r="H219" s="41"/>
      <c r="I219" s="41"/>
      <c r="J219" s="41"/>
      <c r="K219" s="41"/>
      <c r="L219" s="41"/>
      <c r="M219" s="41"/>
      <c r="N219" s="41"/>
      <c r="O219" s="41"/>
      <c r="P219" s="41"/>
      <c r="Q219" s="41"/>
      <c r="R219" s="41"/>
      <c r="S219" s="41"/>
      <c r="T219" s="41"/>
      <c r="U219" s="41"/>
      <c r="V219" s="41"/>
      <c r="W219" s="41"/>
      <c r="X219" s="41"/>
      <c r="Y219" s="41"/>
      <c r="Z219" s="41"/>
      <c r="AA219" s="41"/>
      <c r="AB219" s="41"/>
      <c r="AC219" s="41"/>
      <c r="AD219" s="41"/>
      <c r="AE219" s="41"/>
      <c r="AF219" s="41"/>
      <c r="AG219" s="41"/>
    </row>
    <row r="220" spans="1:33" s="2" customFormat="1" ht="19.5" customHeight="1">
      <c r="A220" s="41"/>
      <c r="B220" s="41"/>
      <c r="C220" s="41"/>
      <c r="D220" s="41"/>
      <c r="E220" s="41"/>
      <c r="F220" s="41"/>
      <c r="G220" s="41"/>
      <c r="H220" s="41"/>
      <c r="I220" s="41"/>
      <c r="J220" s="41"/>
      <c r="K220" s="41"/>
      <c r="L220" s="41"/>
      <c r="M220" s="41"/>
      <c r="N220" s="41"/>
      <c r="O220" s="41"/>
      <c r="P220" s="41"/>
      <c r="Q220" s="41"/>
      <c r="R220" s="41"/>
      <c r="S220" s="41"/>
      <c r="T220" s="41"/>
      <c r="U220" s="41"/>
      <c r="V220" s="41"/>
      <c r="W220" s="41"/>
      <c r="X220" s="41"/>
      <c r="Y220" s="41"/>
      <c r="Z220" s="41"/>
      <c r="AA220" s="41"/>
      <c r="AB220" s="41"/>
      <c r="AC220" s="41"/>
      <c r="AD220" s="41"/>
      <c r="AE220" s="41"/>
      <c r="AF220" s="41"/>
      <c r="AG220" s="41"/>
    </row>
    <row r="221" spans="1:33" s="2" customFormat="1" ht="16.5" customHeight="1">
      <c r="A221" s="41"/>
      <c r="B221" s="41"/>
      <c r="C221" s="41"/>
      <c r="D221" s="41"/>
      <c r="E221" s="41"/>
      <c r="F221" s="41"/>
      <c r="G221" s="41"/>
      <c r="H221" s="41"/>
      <c r="I221" s="41"/>
      <c r="J221" s="41"/>
      <c r="K221" s="41"/>
      <c r="L221" s="41"/>
      <c r="M221" s="41"/>
      <c r="N221" s="41"/>
      <c r="O221" s="41"/>
      <c r="P221" s="41"/>
      <c r="Q221" s="41"/>
      <c r="R221" s="41"/>
      <c r="S221" s="41"/>
      <c r="T221" s="41"/>
      <c r="U221" s="41"/>
      <c r="V221" s="41"/>
      <c r="W221" s="41"/>
      <c r="X221" s="41"/>
      <c r="Y221" s="41"/>
      <c r="Z221" s="41"/>
      <c r="AA221" s="41"/>
      <c r="AB221" s="41"/>
      <c r="AC221" s="41"/>
      <c r="AD221" s="41"/>
      <c r="AE221" s="41"/>
      <c r="AF221" s="41"/>
      <c r="AG221" s="41"/>
    </row>
    <row r="222" spans="1:33" s="2" customFormat="1" ht="16.5" customHeight="1">
      <c r="A222" s="41"/>
      <c r="B222" s="41"/>
      <c r="C222" s="41"/>
      <c r="D222" s="41"/>
      <c r="E222" s="41"/>
      <c r="F222" s="41"/>
      <c r="G222" s="41"/>
      <c r="H222" s="41"/>
      <c r="I222" s="41"/>
      <c r="J222" s="41"/>
      <c r="K222" s="41"/>
      <c r="L222" s="41"/>
      <c r="M222" s="41"/>
      <c r="N222" s="41"/>
      <c r="O222" s="41"/>
      <c r="P222" s="41"/>
      <c r="Q222" s="41"/>
      <c r="R222" s="41"/>
      <c r="S222" s="41"/>
      <c r="T222" s="41"/>
      <c r="U222" s="41"/>
      <c r="V222" s="41"/>
      <c r="W222" s="41"/>
      <c r="X222" s="41"/>
      <c r="Y222" s="41"/>
      <c r="Z222" s="41"/>
      <c r="AA222" s="41"/>
      <c r="AB222" s="41"/>
      <c r="AC222" s="41"/>
      <c r="AD222" s="41"/>
      <c r="AE222" s="41"/>
      <c r="AF222" s="41"/>
      <c r="AG222" s="41"/>
    </row>
    <row r="223" spans="1:33" s="2" customFormat="1" ht="15.75" customHeight="1">
      <c r="A223" s="41"/>
      <c r="B223" s="41"/>
      <c r="C223" s="41"/>
      <c r="D223" s="41"/>
      <c r="E223" s="41"/>
      <c r="F223" s="41"/>
      <c r="G223" s="41"/>
      <c r="H223" s="41"/>
      <c r="I223" s="41"/>
      <c r="J223" s="41"/>
      <c r="K223" s="41"/>
      <c r="L223" s="41"/>
      <c r="M223" s="41"/>
      <c r="N223" s="41"/>
      <c r="O223" s="41"/>
      <c r="P223" s="41"/>
      <c r="Q223" s="41"/>
      <c r="R223" s="41"/>
      <c r="S223" s="41"/>
      <c r="T223" s="41"/>
      <c r="U223" s="41"/>
      <c r="V223" s="41"/>
      <c r="W223" s="41"/>
      <c r="X223" s="41"/>
      <c r="Y223" s="41"/>
      <c r="Z223" s="41"/>
      <c r="AA223" s="41"/>
      <c r="AB223" s="41"/>
      <c r="AC223" s="41"/>
      <c r="AD223" s="41"/>
      <c r="AE223" s="41"/>
      <c r="AF223" s="41"/>
      <c r="AG223" s="41"/>
    </row>
    <row r="224" spans="1:33" s="2" customFormat="1" ht="15.75" customHeight="1">
      <c r="A224" s="41"/>
      <c r="B224" s="41"/>
      <c r="C224" s="41"/>
      <c r="D224" s="41"/>
      <c r="E224" s="41"/>
      <c r="F224" s="41"/>
      <c r="G224" s="41"/>
      <c r="H224" s="41"/>
      <c r="I224" s="41"/>
      <c r="J224" s="41"/>
      <c r="K224" s="41"/>
      <c r="L224" s="41"/>
      <c r="M224" s="41"/>
      <c r="N224" s="41"/>
      <c r="O224" s="41"/>
      <c r="P224" s="41"/>
      <c r="Q224" s="41"/>
      <c r="R224" s="41"/>
      <c r="S224" s="41"/>
      <c r="T224" s="41"/>
      <c r="U224" s="41"/>
      <c r="V224" s="41"/>
      <c r="W224" s="41"/>
      <c r="X224" s="41"/>
      <c r="Y224" s="41"/>
      <c r="Z224" s="41"/>
      <c r="AA224" s="41"/>
      <c r="AB224" s="41"/>
      <c r="AC224" s="41"/>
      <c r="AD224" s="41"/>
      <c r="AE224" s="41"/>
      <c r="AF224" s="41"/>
      <c r="AG224" s="41"/>
    </row>
    <row r="225" ht="15.75" customHeight="1"/>
    <row r="226" ht="13.5" customHeight="1"/>
    <row r="227" ht="15.75" customHeight="1"/>
    <row r="228" ht="19.5" customHeight="1"/>
    <row r="229" ht="15.75" customHeight="1"/>
    <row r="230" ht="15.75" customHeight="1"/>
    <row r="231" ht="15.75" customHeight="1"/>
    <row r="232" ht="15.75" customHeight="1"/>
    <row r="233" ht="19.5" customHeight="1"/>
    <row r="234" ht="13.5" customHeight="1"/>
  </sheetData>
  <protectedRanges>
    <protectedRange sqref="J93:AG93" name="範囲1"/>
    <protectedRange sqref="F171:AG172" name="範囲1_4"/>
    <protectedRange sqref="L215:AG217" name="範囲1_10"/>
    <protectedRange sqref="H16:AG16 H20:AG20 H18:AG18" name="範囲1_5"/>
    <protectedRange sqref="F29:S30 AA29:AA30" name="範囲1_14"/>
    <protectedRange sqref="Y37:AD44 P37:U44" name="範囲1_20"/>
    <protectedRange sqref="T132:AG148 M138:S138 M140:S140" name="範囲1_24"/>
    <protectedRange sqref="F155:AG156" name="範囲1_25"/>
    <protectedRange sqref="F163:AG164" name="範囲1_27"/>
    <protectedRange sqref="AA125:AA126 T104:AG105 T107:AG108 T110:AG111 T113:AG114 T116:AG117 T119:AG120 T122:AG124 T125:T126" name="範囲1_16"/>
    <protectedRange sqref="H9:AG10" name="範囲1_1"/>
    <protectedRange sqref="J182:AG183" name="範囲1_3"/>
    <protectedRange sqref="R76:AG85 R75:Y75" name="範囲1_2"/>
    <protectedRange sqref="F191:AG192" name="範囲1_7"/>
    <protectedRange sqref="F200:AG201 I199:L199" name="範囲1_12"/>
    <protectedRange sqref="F207:AG209" name="範囲1_17"/>
    <protectedRange sqref="H21:AE21" name="範囲1_9"/>
    <protectedRange sqref="AF17:AG17 AF19:AG19 AF21:AG21" name="範囲1_18"/>
    <protectedRange sqref="T102:AG103" name="範囲1_6"/>
  </protectedRanges>
  <mergeCells count="885">
    <mergeCell ref="R79:Y79"/>
    <mergeCell ref="L93:M93"/>
    <mergeCell ref="A89:G89"/>
    <mergeCell ref="Z82:AG82"/>
    <mergeCell ref="R80:Y80"/>
    <mergeCell ref="R81:Y81"/>
    <mergeCell ref="AH99:AI99"/>
    <mergeCell ref="B73:H73"/>
    <mergeCell ref="J73:Q73"/>
    <mergeCell ref="R73:Y73"/>
    <mergeCell ref="Z73:AG73"/>
    <mergeCell ref="F78:H78"/>
    <mergeCell ref="J78:Q78"/>
    <mergeCell ref="R78:Y78"/>
    <mergeCell ref="Z78:AG78"/>
    <mergeCell ref="B79:H79"/>
    <mergeCell ref="Z79:AG79"/>
    <mergeCell ref="F80:H80"/>
    <mergeCell ref="F81:H81"/>
    <mergeCell ref="J81:Q81"/>
    <mergeCell ref="J80:Q80"/>
    <mergeCell ref="J79:Q79"/>
    <mergeCell ref="N93:O93"/>
    <mergeCell ref="N91:O91"/>
    <mergeCell ref="R93:S93"/>
    <mergeCell ref="Z91:AA91"/>
    <mergeCell ref="J85:Q85"/>
    <mergeCell ref="AE44:AG44"/>
    <mergeCell ref="Z50:AG50"/>
    <mergeCell ref="J44:L44"/>
    <mergeCell ref="M44:O44"/>
    <mergeCell ref="R58:Y58"/>
    <mergeCell ref="AD182:AG182"/>
    <mergeCell ref="AA110:AG110"/>
    <mergeCell ref="AA111:AG111"/>
    <mergeCell ref="J75:Q75"/>
    <mergeCell ref="P93:Q93"/>
    <mergeCell ref="M112:S112"/>
    <mergeCell ref="J82:Q82"/>
    <mergeCell ref="R82:Y82"/>
    <mergeCell ref="R84:Y84"/>
    <mergeCell ref="J84:Q84"/>
    <mergeCell ref="T132:Z132"/>
    <mergeCell ref="M132:S132"/>
    <mergeCell ref="M134:S134"/>
    <mergeCell ref="AA129:AG130"/>
    <mergeCell ref="AA125:AG125"/>
    <mergeCell ref="M113:S113"/>
    <mergeCell ref="T113:Z113"/>
    <mergeCell ref="M121:S121"/>
    <mergeCell ref="M120:S120"/>
    <mergeCell ref="Z80:AG80"/>
    <mergeCell ref="Z81:AG81"/>
    <mergeCell ref="AD93:AE93"/>
    <mergeCell ref="AF88:AG90"/>
    <mergeCell ref="V93:W93"/>
    <mergeCell ref="T104:Z104"/>
    <mergeCell ref="X93:Y93"/>
    <mergeCell ref="T93:U93"/>
    <mergeCell ref="AB43:AD43"/>
    <mergeCell ref="AE43:AG43"/>
    <mergeCell ref="V43:X43"/>
    <mergeCell ref="Y43:AA43"/>
    <mergeCell ref="Z48:AG49"/>
    <mergeCell ref="Z59:AG59"/>
    <mergeCell ref="R61:Y61"/>
    <mergeCell ref="P43:R43"/>
    <mergeCell ref="S43:U43"/>
    <mergeCell ref="J59:Q59"/>
    <mergeCell ref="J50:Q50"/>
    <mergeCell ref="J48:Q49"/>
    <mergeCell ref="J57:Q57"/>
    <mergeCell ref="Z56:AG56"/>
    <mergeCell ref="Z58:AG58"/>
    <mergeCell ref="AB44:AD44"/>
    <mergeCell ref="S41:U41"/>
    <mergeCell ref="P40:R40"/>
    <mergeCell ref="V40:X40"/>
    <mergeCell ref="V38:X38"/>
    <mergeCell ref="V39:X39"/>
    <mergeCell ref="AE42:AG42"/>
    <mergeCell ref="Y42:AA42"/>
    <mergeCell ref="V42:X42"/>
    <mergeCell ref="AB42:AD42"/>
    <mergeCell ref="V37:X37"/>
    <mergeCell ref="M38:O38"/>
    <mergeCell ref="P38:R38"/>
    <mergeCell ref="P37:R37"/>
    <mergeCell ref="S37:U37"/>
    <mergeCell ref="S38:U38"/>
    <mergeCell ref="M39:O39"/>
    <mergeCell ref="S39:U39"/>
    <mergeCell ref="P39:R39"/>
    <mergeCell ref="F208:I208"/>
    <mergeCell ref="A48:I48"/>
    <mergeCell ref="B50:H50"/>
    <mergeCell ref="A49:I49"/>
    <mergeCell ref="A40:F40"/>
    <mergeCell ref="G40:I40"/>
    <mergeCell ref="J40:L40"/>
    <mergeCell ref="P44:R44"/>
    <mergeCell ref="S44:U44"/>
    <mergeCell ref="R48:Y49"/>
    <mergeCell ref="V44:X44"/>
    <mergeCell ref="Y44:AA44"/>
    <mergeCell ref="S42:U42"/>
    <mergeCell ref="P42:R42"/>
    <mergeCell ref="J56:Q56"/>
    <mergeCell ref="R57:Y57"/>
    <mergeCell ref="R182:U182"/>
    <mergeCell ref="V182:Y182"/>
    <mergeCell ref="Z182:AC182"/>
    <mergeCell ref="B72:H72"/>
    <mergeCell ref="R85:Y85"/>
    <mergeCell ref="Z85:AG85"/>
    <mergeCell ref="J72:Q72"/>
    <mergeCell ref="R72:Y72"/>
    <mergeCell ref="A113:H115"/>
    <mergeCell ref="F58:H58"/>
    <mergeCell ref="S40:U40"/>
    <mergeCell ref="A216:E216"/>
    <mergeCell ref="A217:E217"/>
    <mergeCell ref="A200:E200"/>
    <mergeCell ref="A201:E201"/>
    <mergeCell ref="A207:E207"/>
    <mergeCell ref="A208:E208"/>
    <mergeCell ref="A215:E215"/>
    <mergeCell ref="A214:E214"/>
    <mergeCell ref="A209:E209"/>
    <mergeCell ref="A213:F213"/>
    <mergeCell ref="F209:I209"/>
    <mergeCell ref="F205:L206"/>
    <mergeCell ref="J208:L208"/>
    <mergeCell ref="F207:I207"/>
    <mergeCell ref="F201:H201"/>
    <mergeCell ref="I201:L201"/>
    <mergeCell ref="F200:H200"/>
    <mergeCell ref="A206:E206"/>
    <mergeCell ref="G217:K217"/>
    <mergeCell ref="L217:M217"/>
    <mergeCell ref="A205:E205"/>
    <mergeCell ref="A107:H109"/>
    <mergeCell ref="T109:Z109"/>
    <mergeCell ref="M110:S110"/>
    <mergeCell ref="G215:K215"/>
    <mergeCell ref="J209:L209"/>
    <mergeCell ref="Z75:AG75"/>
    <mergeCell ref="AA123:AG123"/>
    <mergeCell ref="T123:Z123"/>
    <mergeCell ref="A122:H124"/>
    <mergeCell ref="I124:L124"/>
    <mergeCell ref="I122:L122"/>
    <mergeCell ref="AA122:AG122"/>
    <mergeCell ref="J83:Q83"/>
    <mergeCell ref="AA115:AG115"/>
    <mergeCell ref="AA114:AG114"/>
    <mergeCell ref="AA124:AG124"/>
    <mergeCell ref="I119:L119"/>
    <mergeCell ref="I120:L120"/>
    <mergeCell ref="M124:S124"/>
    <mergeCell ref="T114:Z114"/>
    <mergeCell ref="I115:L115"/>
    <mergeCell ref="I121:L121"/>
    <mergeCell ref="T111:Z111"/>
    <mergeCell ref="M115:S115"/>
    <mergeCell ref="T115:Z115"/>
    <mergeCell ref="M105:S105"/>
    <mergeCell ref="I113:L113"/>
    <mergeCell ref="I114:L114"/>
    <mergeCell ref="M114:S114"/>
    <mergeCell ref="I116:L116"/>
    <mergeCell ref="M116:S116"/>
    <mergeCell ref="T116:Z116"/>
    <mergeCell ref="M108:S108"/>
    <mergeCell ref="T108:Z108"/>
    <mergeCell ref="T112:Z112"/>
    <mergeCell ref="M106:S106"/>
    <mergeCell ref="I108:L108"/>
    <mergeCell ref="I107:L107"/>
    <mergeCell ref="M107:S107"/>
    <mergeCell ref="M109:S109"/>
    <mergeCell ref="I106:L106"/>
    <mergeCell ref="T106:Z106"/>
    <mergeCell ref="T107:Z107"/>
    <mergeCell ref="Z15:AB15"/>
    <mergeCell ref="W15:Y15"/>
    <mergeCell ref="H15:J15"/>
    <mergeCell ref="N9:R9"/>
    <mergeCell ref="Q14:AE14"/>
    <mergeCell ref="H93:I93"/>
    <mergeCell ref="L92:M92"/>
    <mergeCell ref="H92:I92"/>
    <mergeCell ref="P88:Q90"/>
    <mergeCell ref="J88:K90"/>
    <mergeCell ref="N92:O92"/>
    <mergeCell ref="L91:M91"/>
    <mergeCell ref="J77:Q77"/>
    <mergeCell ref="J76:Q76"/>
    <mergeCell ref="N88:O90"/>
    <mergeCell ref="P91:Q91"/>
    <mergeCell ref="V41:X41"/>
    <mergeCell ref="J61:Q61"/>
    <mergeCell ref="R60:Y60"/>
    <mergeCell ref="R56:Y56"/>
    <mergeCell ref="R59:Y59"/>
    <mergeCell ref="AB37:AD37"/>
    <mergeCell ref="AE37:AG37"/>
    <mergeCell ref="AE41:AG41"/>
    <mergeCell ref="H10:M10"/>
    <mergeCell ref="N10:R10"/>
    <mergeCell ref="R91:S91"/>
    <mergeCell ref="P92:Q92"/>
    <mergeCell ref="Q97:R97"/>
    <mergeCell ref="R92:S92"/>
    <mergeCell ref="J91:K91"/>
    <mergeCell ref="A100:L100"/>
    <mergeCell ref="J92:K92"/>
    <mergeCell ref="C60:E60"/>
    <mergeCell ref="F63:H63"/>
    <mergeCell ref="C57:E57"/>
    <mergeCell ref="F57:H57"/>
    <mergeCell ref="A35:F35"/>
    <mergeCell ref="A36:F36"/>
    <mergeCell ref="G37:I37"/>
    <mergeCell ref="B56:H56"/>
    <mergeCell ref="F59:H59"/>
    <mergeCell ref="B61:H61"/>
    <mergeCell ref="B75:H75"/>
    <mergeCell ref="F76:H76"/>
    <mergeCell ref="F64:H64"/>
    <mergeCell ref="C66:E66"/>
    <mergeCell ref="P34:X35"/>
    <mergeCell ref="A119:H121"/>
    <mergeCell ref="A125:H125"/>
    <mergeCell ref="T117:Z117"/>
    <mergeCell ref="T120:Z120"/>
    <mergeCell ref="T121:Z121"/>
    <mergeCell ref="T122:Z122"/>
    <mergeCell ref="M123:S123"/>
    <mergeCell ref="T118:Z118"/>
    <mergeCell ref="M119:S119"/>
    <mergeCell ref="T119:Z119"/>
    <mergeCell ref="M125:S125"/>
    <mergeCell ref="I125:L125"/>
    <mergeCell ref="A116:H118"/>
    <mergeCell ref="I117:L117"/>
    <mergeCell ref="I118:L118"/>
    <mergeCell ref="M118:S118"/>
    <mergeCell ref="M117:S117"/>
    <mergeCell ref="M133:S133"/>
    <mergeCell ref="T133:Z133"/>
    <mergeCell ref="E141:L141"/>
    <mergeCell ref="E138:L138"/>
    <mergeCell ref="E139:L139"/>
    <mergeCell ref="M122:S122"/>
    <mergeCell ref="E136:L136"/>
    <mergeCell ref="T125:Z125"/>
    <mergeCell ref="T137:Z137"/>
    <mergeCell ref="M137:S137"/>
    <mergeCell ref="T136:Z136"/>
    <mergeCell ref="T124:Z124"/>
    <mergeCell ref="E133:L133"/>
    <mergeCell ref="A142:D148"/>
    <mergeCell ref="I111:L111"/>
    <mergeCell ref="I112:L112"/>
    <mergeCell ref="I109:L109"/>
    <mergeCell ref="A110:H112"/>
    <mergeCell ref="I110:L110"/>
    <mergeCell ref="A162:E162"/>
    <mergeCell ref="T131:Z131"/>
    <mergeCell ref="T129:Z130"/>
    <mergeCell ref="E143:L143"/>
    <mergeCell ref="F162:L162"/>
    <mergeCell ref="M154:S154"/>
    <mergeCell ref="E144:L144"/>
    <mergeCell ref="M144:S144"/>
    <mergeCell ref="T160:Z161"/>
    <mergeCell ref="T162:Z162"/>
    <mergeCell ref="T154:Z154"/>
    <mergeCell ref="T153:Z153"/>
    <mergeCell ref="M135:S135"/>
    <mergeCell ref="M136:S136"/>
    <mergeCell ref="E134:L134"/>
    <mergeCell ref="F154:L154"/>
    <mergeCell ref="T134:Z134"/>
    <mergeCell ref="M131:S131"/>
    <mergeCell ref="AD183:AG183"/>
    <mergeCell ref="A154:E154"/>
    <mergeCell ref="A155:E155"/>
    <mergeCell ref="F152:S152"/>
    <mergeCell ref="M145:S145"/>
    <mergeCell ref="E145:L145"/>
    <mergeCell ref="M143:S143"/>
    <mergeCell ref="A153:E153"/>
    <mergeCell ref="M111:S111"/>
    <mergeCell ref="A133:D137"/>
    <mergeCell ref="A131:L131"/>
    <mergeCell ref="A129:L129"/>
    <mergeCell ref="E140:L140"/>
    <mergeCell ref="E137:L137"/>
    <mergeCell ref="A132:L132"/>
    <mergeCell ref="A130:L130"/>
    <mergeCell ref="M129:S130"/>
    <mergeCell ref="A138:D141"/>
    <mergeCell ref="E135:L135"/>
    <mergeCell ref="M139:S139"/>
    <mergeCell ref="E146:L146"/>
    <mergeCell ref="E142:L142"/>
    <mergeCell ref="T140:Z140"/>
    <mergeCell ref="I123:L123"/>
    <mergeCell ref="T170:AG170"/>
    <mergeCell ref="AD179:AG180"/>
    <mergeCell ref="T164:Z164"/>
    <mergeCell ref="F170:L170"/>
    <mergeCell ref="T172:AG172"/>
    <mergeCell ref="A168:E168"/>
    <mergeCell ref="F171:L171"/>
    <mergeCell ref="A170:E170"/>
    <mergeCell ref="A171:E171"/>
    <mergeCell ref="A169:E169"/>
    <mergeCell ref="T156:Z156"/>
    <mergeCell ref="M153:S153"/>
    <mergeCell ref="M156:S156"/>
    <mergeCell ref="T147:Z147"/>
    <mergeCell ref="M162:S162"/>
    <mergeCell ref="A172:E172"/>
    <mergeCell ref="A156:E156"/>
    <mergeCell ref="A181:E181"/>
    <mergeCell ref="A183:E183"/>
    <mergeCell ref="A180:E180"/>
    <mergeCell ref="A179:E179"/>
    <mergeCell ref="J182:M182"/>
    <mergeCell ref="A182:E182"/>
    <mergeCell ref="F182:I182"/>
    <mergeCell ref="F179:I180"/>
    <mergeCell ref="A163:E163"/>
    <mergeCell ref="J179:M180"/>
    <mergeCell ref="M172:S172"/>
    <mergeCell ref="A175:AF175"/>
    <mergeCell ref="F163:L163"/>
    <mergeCell ref="M164:S164"/>
    <mergeCell ref="F181:I181"/>
    <mergeCell ref="J181:M181"/>
    <mergeCell ref="A164:E164"/>
    <mergeCell ref="AA147:AG147"/>
    <mergeCell ref="F172:L172"/>
    <mergeCell ref="M147:S147"/>
    <mergeCell ref="F160:L161"/>
    <mergeCell ref="A160:E160"/>
    <mergeCell ref="M148:S148"/>
    <mergeCell ref="E148:L148"/>
    <mergeCell ref="F156:L156"/>
    <mergeCell ref="M155:S155"/>
    <mergeCell ref="A152:E152"/>
    <mergeCell ref="T171:AG171"/>
    <mergeCell ref="E147:L147"/>
    <mergeCell ref="T155:Z155"/>
    <mergeCell ref="T148:Z148"/>
    <mergeCell ref="F155:L155"/>
    <mergeCell ref="A157:V157"/>
    <mergeCell ref="AA153:AG153"/>
    <mergeCell ref="AA160:AG161"/>
    <mergeCell ref="AA148:AG148"/>
    <mergeCell ref="AA162:AG162"/>
    <mergeCell ref="T152:AG152"/>
    <mergeCell ref="F153:L153"/>
    <mergeCell ref="A161:E161"/>
    <mergeCell ref="M160:S161"/>
    <mergeCell ref="AC9:AG9"/>
    <mergeCell ref="X9:AB9"/>
    <mergeCell ref="S10:W10"/>
    <mergeCell ref="N6:W6"/>
    <mergeCell ref="S8:W8"/>
    <mergeCell ref="S7:W7"/>
    <mergeCell ref="N7:R7"/>
    <mergeCell ref="N8:R8"/>
    <mergeCell ref="S9:W9"/>
    <mergeCell ref="AC10:AG10"/>
    <mergeCell ref="A15:D15"/>
    <mergeCell ref="E21:G21"/>
    <mergeCell ref="J71:Q71"/>
    <mergeCell ref="A1:AG1"/>
    <mergeCell ref="Z20:AB20"/>
    <mergeCell ref="AF20:AG20"/>
    <mergeCell ref="A14:D14"/>
    <mergeCell ref="X10:AB10"/>
    <mergeCell ref="A5:G5"/>
    <mergeCell ref="H5:AG5"/>
    <mergeCell ref="AC8:AG8"/>
    <mergeCell ref="AC6:AG7"/>
    <mergeCell ref="A8:G8"/>
    <mergeCell ref="A6:G6"/>
    <mergeCell ref="H6:M7"/>
    <mergeCell ref="H8:M8"/>
    <mergeCell ref="A7:G7"/>
    <mergeCell ref="E14:G15"/>
    <mergeCell ref="H9:M9"/>
    <mergeCell ref="AC19:AE19"/>
    <mergeCell ref="A9:G9"/>
    <mergeCell ref="X6:AB7"/>
    <mergeCell ref="A10:G10"/>
    <mergeCell ref="X8:AB8"/>
    <mergeCell ref="H14:P14"/>
    <mergeCell ref="E20:G20"/>
    <mergeCell ref="AF14:AG15"/>
    <mergeCell ref="AC15:AE15"/>
    <mergeCell ref="K15:M15"/>
    <mergeCell ref="B70:H70"/>
    <mergeCell ref="J67:Q67"/>
    <mergeCell ref="AD91:AE91"/>
    <mergeCell ref="AD88:AE90"/>
    <mergeCell ref="Z67:AG67"/>
    <mergeCell ref="Z68:AG68"/>
    <mergeCell ref="R69:Y69"/>
    <mergeCell ref="AF91:AG91"/>
    <mergeCell ref="AB91:AC91"/>
    <mergeCell ref="R88:S90"/>
    <mergeCell ref="L88:M90"/>
    <mergeCell ref="Z71:AG71"/>
    <mergeCell ref="F77:H77"/>
    <mergeCell ref="F82:H82"/>
    <mergeCell ref="A88:G88"/>
    <mergeCell ref="H88:I90"/>
    <mergeCell ref="A90:G90"/>
    <mergeCell ref="F68:H68"/>
    <mergeCell ref="R77:Y77"/>
    <mergeCell ref="F67:H67"/>
    <mergeCell ref="AF19:AG19"/>
    <mergeCell ref="B71:H71"/>
    <mergeCell ref="C69:E69"/>
    <mergeCell ref="B62:H62"/>
    <mergeCell ref="AA30:AG30"/>
    <mergeCell ref="J43:L43"/>
    <mergeCell ref="J36:L36"/>
    <mergeCell ref="M36:O36"/>
    <mergeCell ref="Z61:AG61"/>
    <mergeCell ref="B65:H65"/>
    <mergeCell ref="F66:H66"/>
    <mergeCell ref="A38:F38"/>
    <mergeCell ref="G38:I38"/>
    <mergeCell ref="J63:Q63"/>
    <mergeCell ref="J58:Q58"/>
    <mergeCell ref="J60:Q60"/>
    <mergeCell ref="T29:Z29"/>
    <mergeCell ref="Z62:AG62"/>
    <mergeCell ref="Q21:S21"/>
    <mergeCell ref="A34:F34"/>
    <mergeCell ref="J38:L38"/>
    <mergeCell ref="V36:X36"/>
    <mergeCell ref="G41:I41"/>
    <mergeCell ref="I104:L104"/>
    <mergeCell ref="J93:K93"/>
    <mergeCell ref="B83:H83"/>
    <mergeCell ref="B84:H84"/>
    <mergeCell ref="B85:H85"/>
    <mergeCell ref="M100:S101"/>
    <mergeCell ref="A91:G91"/>
    <mergeCell ref="H91:I91"/>
    <mergeCell ref="A104:H106"/>
    <mergeCell ref="A92:G92"/>
    <mergeCell ref="I105:L105"/>
    <mergeCell ref="A101:L101"/>
    <mergeCell ref="M104:S104"/>
    <mergeCell ref="A93:G93"/>
    <mergeCell ref="A102:H103"/>
    <mergeCell ref="I102:L102"/>
    <mergeCell ref="R83:Y83"/>
    <mergeCell ref="AA26:AG27"/>
    <mergeCell ref="T26:Z27"/>
    <mergeCell ref="M26:S27"/>
    <mergeCell ref="R50:Y50"/>
    <mergeCell ref="Z57:AG57"/>
    <mergeCell ref="AA116:AG116"/>
    <mergeCell ref="AA109:AG109"/>
    <mergeCell ref="R66:Y66"/>
    <mergeCell ref="R65:Y65"/>
    <mergeCell ref="J62:Q62"/>
    <mergeCell ref="R63:Y63"/>
    <mergeCell ref="R62:Y62"/>
    <mergeCell ref="AD92:AE92"/>
    <mergeCell ref="AB88:AC90"/>
    <mergeCell ref="Z63:AG63"/>
    <mergeCell ref="Z88:AA90"/>
    <mergeCell ref="Z65:AG65"/>
    <mergeCell ref="Z64:AG64"/>
    <mergeCell ref="R64:Y64"/>
    <mergeCell ref="Z77:AG77"/>
    <mergeCell ref="R68:Y68"/>
    <mergeCell ref="R67:Y67"/>
    <mergeCell ref="Z70:AG70"/>
    <mergeCell ref="Z72:AG72"/>
    <mergeCell ref="W21:Y21"/>
    <mergeCell ref="K21:M21"/>
    <mergeCell ref="Y36:AA36"/>
    <mergeCell ref="Y34:AG35"/>
    <mergeCell ref="AE38:AG38"/>
    <mergeCell ref="Y41:AA41"/>
    <mergeCell ref="AB39:AD39"/>
    <mergeCell ref="AE39:AG39"/>
    <mergeCell ref="Y39:AA39"/>
    <mergeCell ref="AE40:AG40"/>
    <mergeCell ref="AB41:AD41"/>
    <mergeCell ref="AB40:AD40"/>
    <mergeCell ref="Y40:AA40"/>
    <mergeCell ref="AB36:AD36"/>
    <mergeCell ref="AE36:AG36"/>
    <mergeCell ref="S36:U36"/>
    <mergeCell ref="P36:R36"/>
    <mergeCell ref="J41:L41"/>
    <mergeCell ref="M41:O41"/>
    <mergeCell ref="P41:R41"/>
    <mergeCell ref="AB38:AD38"/>
    <mergeCell ref="Y38:AA38"/>
    <mergeCell ref="Y37:AA37"/>
    <mergeCell ref="H21:J21"/>
    <mergeCell ref="Z18:AB18"/>
    <mergeCell ref="AC18:AE18"/>
    <mergeCell ref="AF18:AG18"/>
    <mergeCell ref="Z16:AB16"/>
    <mergeCell ref="AC16:AE16"/>
    <mergeCell ref="AF16:AG16"/>
    <mergeCell ref="AF17:AG17"/>
    <mergeCell ref="Z17:AB17"/>
    <mergeCell ref="AC17:AE17"/>
    <mergeCell ref="W16:Y16"/>
    <mergeCell ref="N15:P15"/>
    <mergeCell ref="Q15:S15"/>
    <mergeCell ref="T15:V15"/>
    <mergeCell ref="W18:Y18"/>
    <mergeCell ref="Q20:S20"/>
    <mergeCell ref="K19:M19"/>
    <mergeCell ref="Q19:S19"/>
    <mergeCell ref="T19:V19"/>
    <mergeCell ref="W17:Y17"/>
    <mergeCell ref="Q17:S17"/>
    <mergeCell ref="T17:V17"/>
    <mergeCell ref="W20:Y20"/>
    <mergeCell ref="T20:V20"/>
    <mergeCell ref="AC20:AE20"/>
    <mergeCell ref="Z19:AB19"/>
    <mergeCell ref="W19:Y19"/>
    <mergeCell ref="N19:P19"/>
    <mergeCell ref="N20:P20"/>
    <mergeCell ref="K20:M20"/>
    <mergeCell ref="T28:Z28"/>
    <mergeCell ref="M30:S30"/>
    <mergeCell ref="N21:P21"/>
    <mergeCell ref="F26:L27"/>
    <mergeCell ref="E19:G19"/>
    <mergeCell ref="A29:E29"/>
    <mergeCell ref="F28:L28"/>
    <mergeCell ref="A28:E28"/>
    <mergeCell ref="A27:E27"/>
    <mergeCell ref="M28:S28"/>
    <mergeCell ref="AA29:AG29"/>
    <mergeCell ref="M29:S29"/>
    <mergeCell ref="T30:Z30"/>
    <mergeCell ref="AA28:AG28"/>
    <mergeCell ref="AF21:AG21"/>
    <mergeCell ref="AC21:AE21"/>
    <mergeCell ref="Z21:AB21"/>
    <mergeCell ref="T21:V21"/>
    <mergeCell ref="A30:E30"/>
    <mergeCell ref="A20:D20"/>
    <mergeCell ref="A44:F44"/>
    <mergeCell ref="M40:O40"/>
    <mergeCell ref="G43:I43"/>
    <mergeCell ref="A43:F43"/>
    <mergeCell ref="F29:L29"/>
    <mergeCell ref="F30:L30"/>
    <mergeCell ref="G34:O35"/>
    <mergeCell ref="J37:L37"/>
    <mergeCell ref="M37:O37"/>
    <mergeCell ref="A37:F37"/>
    <mergeCell ref="G36:I36"/>
    <mergeCell ref="H20:J20"/>
    <mergeCell ref="G44:I44"/>
    <mergeCell ref="A42:F42"/>
    <mergeCell ref="G42:I42"/>
    <mergeCell ref="J42:L42"/>
    <mergeCell ref="M42:O42"/>
    <mergeCell ref="A41:F41"/>
    <mergeCell ref="A39:F39"/>
    <mergeCell ref="G39:I39"/>
    <mergeCell ref="J39:L39"/>
    <mergeCell ref="M43:O43"/>
    <mergeCell ref="A26:E26"/>
    <mergeCell ref="Z201:AC201"/>
    <mergeCell ref="Z200:AC200"/>
    <mergeCell ref="AA190:AC190"/>
    <mergeCell ref="X190:Z190"/>
    <mergeCell ref="R187:W188"/>
    <mergeCell ref="I200:L200"/>
    <mergeCell ref="R181:U181"/>
    <mergeCell ref="AA106:AG106"/>
    <mergeCell ref="AA107:AG107"/>
    <mergeCell ref="T110:Z110"/>
    <mergeCell ref="Z93:AA93"/>
    <mergeCell ref="T143:Z143"/>
    <mergeCell ref="T146:Z146"/>
    <mergeCell ref="AA144:AG144"/>
    <mergeCell ref="AA143:AG143"/>
    <mergeCell ref="AA154:AG154"/>
    <mergeCell ref="AA156:AG156"/>
    <mergeCell ref="AA155:AG155"/>
    <mergeCell ref="AA132:AG132"/>
    <mergeCell ref="AA120:AG120"/>
    <mergeCell ref="AD189:AE189"/>
    <mergeCell ref="L192:N192"/>
    <mergeCell ref="I192:K192"/>
    <mergeCell ref="L189:N189"/>
    <mergeCell ref="L191:N191"/>
    <mergeCell ref="X192:Z192"/>
    <mergeCell ref="M199:Q199"/>
    <mergeCell ref="O192:Q192"/>
    <mergeCell ref="F192:H192"/>
    <mergeCell ref="I190:K190"/>
    <mergeCell ref="U191:W191"/>
    <mergeCell ref="R191:T191"/>
    <mergeCell ref="AD190:AE190"/>
    <mergeCell ref="AD199:AG199"/>
    <mergeCell ref="AD198:AG198"/>
    <mergeCell ref="Z198:AC198"/>
    <mergeCell ref="V198:Y198"/>
    <mergeCell ref="V199:Y199"/>
    <mergeCell ref="Z199:AC199"/>
    <mergeCell ref="U192:W192"/>
    <mergeCell ref="AD192:AE192"/>
    <mergeCell ref="AA192:AC192"/>
    <mergeCell ref="AF192:AG192"/>
    <mergeCell ref="R196:AG196"/>
    <mergeCell ref="T205:Z206"/>
    <mergeCell ref="A190:E190"/>
    <mergeCell ref="A189:E189"/>
    <mergeCell ref="I189:K189"/>
    <mergeCell ref="L187:Q188"/>
    <mergeCell ref="I191:K191"/>
    <mergeCell ref="A187:E188"/>
    <mergeCell ref="A191:E191"/>
    <mergeCell ref="F198:H198"/>
    <mergeCell ref="I199:L199"/>
    <mergeCell ref="F199:H199"/>
    <mergeCell ref="M205:S206"/>
    <mergeCell ref="M201:Q201"/>
    <mergeCell ref="R190:T190"/>
    <mergeCell ref="O189:Q189"/>
    <mergeCell ref="U190:W190"/>
    <mergeCell ref="R192:T192"/>
    <mergeCell ref="X187:AC188"/>
    <mergeCell ref="AA189:AC189"/>
    <mergeCell ref="V201:Y201"/>
    <mergeCell ref="A198:E198"/>
    <mergeCell ref="A196:E197"/>
    <mergeCell ref="A192:E192"/>
    <mergeCell ref="A199:E199"/>
    <mergeCell ref="AA207:AD207"/>
    <mergeCell ref="AD201:AG201"/>
    <mergeCell ref="T208:W208"/>
    <mergeCell ref="AA208:AD208"/>
    <mergeCell ref="AE208:AG208"/>
    <mergeCell ref="X191:Z191"/>
    <mergeCell ref="T207:W207"/>
    <mergeCell ref="O191:Q191"/>
    <mergeCell ref="F191:H191"/>
    <mergeCell ref="X208:Z208"/>
    <mergeCell ref="F196:Q197"/>
    <mergeCell ref="R199:U199"/>
    <mergeCell ref="M198:Q198"/>
    <mergeCell ref="M207:P207"/>
    <mergeCell ref="X207:Z207"/>
    <mergeCell ref="AF191:AG191"/>
    <mergeCell ref="AA191:AC191"/>
    <mergeCell ref="AD191:AE191"/>
    <mergeCell ref="AA205:AG206"/>
    <mergeCell ref="J207:L207"/>
    <mergeCell ref="I198:L198"/>
    <mergeCell ref="AD200:AG200"/>
    <mergeCell ref="V200:Y200"/>
    <mergeCell ref="R197:U198"/>
    <mergeCell ref="Q208:S208"/>
    <mergeCell ref="N216:O216"/>
    <mergeCell ref="P216:Q216"/>
    <mergeCell ref="R216:S216"/>
    <mergeCell ref="AE209:AG209"/>
    <mergeCell ref="AA215:AB215"/>
    <mergeCell ref="AC215:AG215"/>
    <mergeCell ref="T213:V214"/>
    <mergeCell ref="W213:X214"/>
    <mergeCell ref="AA213:AB214"/>
    <mergeCell ref="AC213:AG214"/>
    <mergeCell ref="AA209:AD209"/>
    <mergeCell ref="W216:X216"/>
    <mergeCell ref="AA216:AB216"/>
    <mergeCell ref="X209:Z209"/>
    <mergeCell ref="P213:Q214"/>
    <mergeCell ref="M163:S163"/>
    <mergeCell ref="M171:S171"/>
    <mergeCell ref="Z181:AC181"/>
    <mergeCell ref="J183:M183"/>
    <mergeCell ref="N183:Q183"/>
    <mergeCell ref="T163:Z163"/>
    <mergeCell ref="AA163:AG163"/>
    <mergeCell ref="N179:Q180"/>
    <mergeCell ref="N182:Q182"/>
    <mergeCell ref="Z179:AC180"/>
    <mergeCell ref="V179:Y180"/>
    <mergeCell ref="R179:U180"/>
    <mergeCell ref="T168:AG169"/>
    <mergeCell ref="F164:L164"/>
    <mergeCell ref="M170:S170"/>
    <mergeCell ref="V181:Y181"/>
    <mergeCell ref="Z183:AC183"/>
    <mergeCell ref="R183:U183"/>
    <mergeCell ref="V183:Y183"/>
    <mergeCell ref="AD181:AG181"/>
    <mergeCell ref="AA164:AG164"/>
    <mergeCell ref="N181:Q181"/>
    <mergeCell ref="F168:S169"/>
    <mergeCell ref="F183:I183"/>
    <mergeCell ref="AA145:AG145"/>
    <mergeCell ref="T145:Z145"/>
    <mergeCell ref="T144:Z144"/>
    <mergeCell ref="AA134:AG134"/>
    <mergeCell ref="M138:S138"/>
    <mergeCell ref="AA142:AG142"/>
    <mergeCell ref="M141:S141"/>
    <mergeCell ref="AA141:AG141"/>
    <mergeCell ref="T142:Z142"/>
    <mergeCell ref="T141:Z141"/>
    <mergeCell ref="AA135:AG135"/>
    <mergeCell ref="T135:Z135"/>
    <mergeCell ref="AA136:AG136"/>
    <mergeCell ref="T139:Z139"/>
    <mergeCell ref="M140:S140"/>
    <mergeCell ref="M146:S146"/>
    <mergeCell ref="Z66:AG66"/>
    <mergeCell ref="AA112:AG112"/>
    <mergeCell ref="J66:Q66"/>
    <mergeCell ref="J69:Q69"/>
    <mergeCell ref="J68:Q68"/>
    <mergeCell ref="J65:Q65"/>
    <mergeCell ref="AA105:AG105"/>
    <mergeCell ref="X92:Y92"/>
    <mergeCell ref="Z92:AA92"/>
    <mergeCell ref="AF92:AG92"/>
    <mergeCell ref="T91:U91"/>
    <mergeCell ref="V92:W92"/>
    <mergeCell ref="T92:U92"/>
    <mergeCell ref="T88:U90"/>
    <mergeCell ref="V91:W91"/>
    <mergeCell ref="Z83:AG83"/>
    <mergeCell ref="R75:Y75"/>
    <mergeCell ref="R76:Y76"/>
    <mergeCell ref="R71:Y71"/>
    <mergeCell ref="AA104:AG104"/>
    <mergeCell ref="AF93:AG93"/>
    <mergeCell ref="M142:S142"/>
    <mergeCell ref="AA146:AG146"/>
    <mergeCell ref="AC217:AG217"/>
    <mergeCell ref="R217:S217"/>
    <mergeCell ref="T217:V217"/>
    <mergeCell ref="W217:X217"/>
    <mergeCell ref="Y217:Z217"/>
    <mergeCell ref="AA217:AB217"/>
    <mergeCell ref="W215:X215"/>
    <mergeCell ref="L213:M214"/>
    <mergeCell ref="Q209:S209"/>
    <mergeCell ref="M209:P209"/>
    <mergeCell ref="R213:S214"/>
    <mergeCell ref="L215:M215"/>
    <mergeCell ref="N215:O215"/>
    <mergeCell ref="P215:Q215"/>
    <mergeCell ref="T209:W209"/>
    <mergeCell ref="Y213:Z214"/>
    <mergeCell ref="Y215:Z215"/>
    <mergeCell ref="R215:S215"/>
    <mergeCell ref="T215:V215"/>
    <mergeCell ref="N213:O214"/>
    <mergeCell ref="AC216:AG216"/>
    <mergeCell ref="T216:V216"/>
    <mergeCell ref="Y216:Z216"/>
    <mergeCell ref="G213:K214"/>
    <mergeCell ref="P217:Q217"/>
    <mergeCell ref="N217:O217"/>
    <mergeCell ref="G216:K216"/>
    <mergeCell ref="L216:M216"/>
    <mergeCell ref="M208:P208"/>
    <mergeCell ref="AE207:AG207"/>
    <mergeCell ref="R200:U200"/>
    <mergeCell ref="F187:K188"/>
    <mergeCell ref="L190:N190"/>
    <mergeCell ref="R201:U201"/>
    <mergeCell ref="X189:Z189"/>
    <mergeCell ref="AF190:AG190"/>
    <mergeCell ref="R189:T189"/>
    <mergeCell ref="V197:AG197"/>
    <mergeCell ref="F189:H189"/>
    <mergeCell ref="F190:H190"/>
    <mergeCell ref="O190:Q190"/>
    <mergeCell ref="AF189:AG189"/>
    <mergeCell ref="AD187:AE188"/>
    <mergeCell ref="AF187:AG188"/>
    <mergeCell ref="Q207:S207"/>
    <mergeCell ref="M200:Q200"/>
    <mergeCell ref="U189:W189"/>
    <mergeCell ref="AA131:AG131"/>
    <mergeCell ref="AA113:AG113"/>
    <mergeCell ref="V88:W90"/>
    <mergeCell ref="X88:Y90"/>
    <mergeCell ref="AA138:AG138"/>
    <mergeCell ref="AA140:AG140"/>
    <mergeCell ref="AA137:AG137"/>
    <mergeCell ref="AA139:AG139"/>
    <mergeCell ref="Z69:AG69"/>
    <mergeCell ref="AD87:AG87"/>
    <mergeCell ref="AA133:AG133"/>
    <mergeCell ref="AA121:AG121"/>
    <mergeCell ref="T138:Z138"/>
    <mergeCell ref="AA118:AG118"/>
    <mergeCell ref="AA117:AG117"/>
    <mergeCell ref="AA119:AG119"/>
    <mergeCell ref="T100:Z101"/>
    <mergeCell ref="T105:Z105"/>
    <mergeCell ref="AA100:AG101"/>
    <mergeCell ref="AB93:AC93"/>
    <mergeCell ref="Z84:AG84"/>
    <mergeCell ref="X91:Y91"/>
    <mergeCell ref="AB92:AC92"/>
    <mergeCell ref="AA108:AG108"/>
    <mergeCell ref="H19:J19"/>
    <mergeCell ref="A16:D16"/>
    <mergeCell ref="E16:G16"/>
    <mergeCell ref="H16:J16"/>
    <mergeCell ref="K16:M16"/>
    <mergeCell ref="N16:P16"/>
    <mergeCell ref="Q16:S16"/>
    <mergeCell ref="T16:V16"/>
    <mergeCell ref="A18:D18"/>
    <mergeCell ref="E18:G18"/>
    <mergeCell ref="H18:J18"/>
    <mergeCell ref="K18:M18"/>
    <mergeCell ref="N18:P18"/>
    <mergeCell ref="Q18:S18"/>
    <mergeCell ref="T18:V18"/>
    <mergeCell ref="E17:G17"/>
    <mergeCell ref="H17:J17"/>
    <mergeCell ref="K17:M17"/>
    <mergeCell ref="N17:P17"/>
    <mergeCell ref="C55:E55"/>
    <mergeCell ref="J55:Q55"/>
    <mergeCell ref="R55:Y55"/>
    <mergeCell ref="Z55:AG55"/>
    <mergeCell ref="B51:H51"/>
    <mergeCell ref="J51:Q51"/>
    <mergeCell ref="R51:Y51"/>
    <mergeCell ref="Z51:AG51"/>
    <mergeCell ref="C52:E52"/>
    <mergeCell ref="F52:H52"/>
    <mergeCell ref="J52:Q52"/>
    <mergeCell ref="R52:Y52"/>
    <mergeCell ref="Z52:AG52"/>
    <mergeCell ref="M102:S102"/>
    <mergeCell ref="T102:Z102"/>
    <mergeCell ref="AA102:AG102"/>
    <mergeCell ref="I103:L103"/>
    <mergeCell ref="M103:S103"/>
    <mergeCell ref="T103:Z103"/>
    <mergeCell ref="AA103:AG103"/>
    <mergeCell ref="F53:H53"/>
    <mergeCell ref="J53:Q53"/>
    <mergeCell ref="R53:Y53"/>
    <mergeCell ref="Z53:AG53"/>
    <mergeCell ref="F54:H54"/>
    <mergeCell ref="J54:Q54"/>
    <mergeCell ref="R54:Y54"/>
    <mergeCell ref="Z54:AG54"/>
    <mergeCell ref="Z60:AG60"/>
    <mergeCell ref="Z76:AG76"/>
    <mergeCell ref="J70:Q70"/>
    <mergeCell ref="R70:Y70"/>
    <mergeCell ref="Z74:AG74"/>
    <mergeCell ref="J74:Q74"/>
    <mergeCell ref="R74:Y74"/>
    <mergeCell ref="B74:H74"/>
    <mergeCell ref="J64:Q64"/>
  </mergeCells>
  <phoneticPr fontId="2"/>
  <dataValidations count="1">
    <dataValidation imeMode="hiragana" allowBlank="1" showInputMessage="1" showErrorMessage="1" sqref="A177 A212 A204 A167 A159 A128 A151 A13 A25 A3 A47 A87 A99 A33"/>
  </dataValidations>
  <printOptions horizontalCentered="1"/>
  <pageMargins left="0.78740157480314965" right="0.78740157480314965" top="0.78740157480314965" bottom="0.78740157480314965" header="0.51181102362204722" footer="0.39370078740157483"/>
  <pageSetup paperSize="9" scale="92" firstPageNumber="67" orientation="portrait" useFirstPageNumber="1" r:id="rId1"/>
  <headerFooter alignWithMargins="0">
    <oddFooter>&amp;C&amp;10- &amp;P -</oddFooter>
  </headerFooter>
  <rowBreaks count="4" manualBreakCount="4">
    <brk id="46" max="32" man="1"/>
    <brk id="86" max="32" man="1"/>
    <brk id="127" max="32" man="1"/>
    <brk id="173" max="32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保健・医療・衛生</vt:lpstr>
      <vt:lpstr>保健・医療・衛生!Print_Area</vt:lpstr>
      <vt:lpstr>ああ１４５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6-03-17T04:41:31Z</cp:lastPrinted>
  <dcterms:created xsi:type="dcterms:W3CDTF">2006-12-15T04:28:16Z</dcterms:created>
  <dcterms:modified xsi:type="dcterms:W3CDTF">2026-03-21T07:06:06Z</dcterms:modified>
</cp:coreProperties>
</file>